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drawings/drawing9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2024\s1383\groupR6\02_がん・循環器対策グループ\03_循環器病対策\03_循環器病対策推進事業\03_心臓リハビリテーション設備整備事業\01_起案\"/>
    </mc:Choice>
  </mc:AlternateContent>
  <bookViews>
    <workbookView xWindow="240" yWindow="60" windowWidth="14940" windowHeight="8556"/>
  </bookViews>
  <sheets>
    <sheet name="1-1" sheetId="72" r:id="rId1"/>
    <sheet name="1-2" sheetId="75" r:id="rId2"/>
    <sheet name="1-3" sheetId="40" r:id="rId3"/>
    <sheet name="２-1" sheetId="73" r:id="rId4"/>
    <sheet name="２-2" sheetId="84" r:id="rId5"/>
    <sheet name="２-3" sheetId="65" r:id="rId6"/>
    <sheet name="５-1" sheetId="74" r:id="rId7"/>
    <sheet name="５-2" sheetId="85" r:id="rId8"/>
    <sheet name="５-3" sheetId="68" r:id="rId9"/>
  </sheets>
  <definedNames>
    <definedName name="_xlnm.Print_Area" localSheetId="0">'1-1'!$B$1:$I$16</definedName>
    <definedName name="_xlnm.Print_Area" localSheetId="1">'1-2'!$B$1:$I$26</definedName>
    <definedName name="_xlnm.Print_Area" localSheetId="2">'1-3'!$A$1:$G$49</definedName>
    <definedName name="_xlnm.Print_Area" localSheetId="3">'２-1'!$B$1:$I$16</definedName>
    <definedName name="_xlnm.Print_Area" localSheetId="4">'２-2'!$B$1:$I$26</definedName>
    <definedName name="_xlnm.Print_Area" localSheetId="5">'２-3'!$A$1:$G$49</definedName>
    <definedName name="_xlnm.Print_Area" localSheetId="6">'５-1'!$B$1:$K$15</definedName>
    <definedName name="_xlnm.Print_Area" localSheetId="7">'５-2'!$B$1:$I$26</definedName>
    <definedName name="_xlnm.Print_Area" localSheetId="8">'５-3'!$A$1:$G$49</definedName>
  </definedNames>
  <calcPr calcId="162913"/>
</workbook>
</file>

<file path=xl/calcChain.xml><?xml version="1.0" encoding="utf-8"?>
<calcChain xmlns="http://schemas.openxmlformats.org/spreadsheetml/2006/main">
  <c r="F17" i="85" l="1"/>
  <c r="F17" i="84"/>
  <c r="F17" i="75" l="1"/>
  <c r="D47" i="68"/>
  <c r="D49" i="68"/>
  <c r="D35" i="68"/>
  <c r="D47" i="65"/>
  <c r="D49" i="65"/>
  <c r="D35" i="65"/>
  <c r="D47" i="40"/>
  <c r="D49" i="40"/>
  <c r="D35" i="40"/>
</calcChain>
</file>

<file path=xl/sharedStrings.xml><?xml version="1.0" encoding="utf-8"?>
<sst xmlns="http://schemas.openxmlformats.org/spreadsheetml/2006/main" count="186" uniqueCount="72">
  <si>
    <t>円</t>
    <rPh sb="0" eb="1">
      <t>エン</t>
    </rPh>
    <phoneticPr fontId="5"/>
  </si>
  <si>
    <t>１　歳出額</t>
    <rPh sb="2" eb="5">
      <t>サイシュツガク</t>
    </rPh>
    <phoneticPr fontId="5"/>
  </si>
  <si>
    <t>区分</t>
    <rPh sb="0" eb="2">
      <t>クブン</t>
    </rPh>
    <phoneticPr fontId="5"/>
  </si>
  <si>
    <t>支出予定額</t>
    <rPh sb="0" eb="5">
      <t>シシュツガク</t>
    </rPh>
    <phoneticPr fontId="5"/>
  </si>
  <si>
    <t>算出内訳</t>
    <rPh sb="0" eb="2">
      <t>サンシュツ</t>
    </rPh>
    <rPh sb="2" eb="4">
      <t>ウチワケ</t>
    </rPh>
    <phoneticPr fontId="5"/>
  </si>
  <si>
    <t>合計</t>
    <rPh sb="0" eb="2">
      <t>ゴウケイ</t>
    </rPh>
    <phoneticPr fontId="5"/>
  </si>
  <si>
    <t>２　歳入額</t>
    <rPh sb="2" eb="5">
      <t>サイニュウガク</t>
    </rPh>
    <phoneticPr fontId="5"/>
  </si>
  <si>
    <t>収支差額</t>
    <rPh sb="0" eb="2">
      <t>シュウシ</t>
    </rPh>
    <rPh sb="2" eb="4">
      <t>サガク</t>
    </rPh>
    <phoneticPr fontId="2"/>
  </si>
  <si>
    <t>収入予定額</t>
    <rPh sb="0" eb="2">
      <t>シュウニュウ</t>
    </rPh>
    <rPh sb="2" eb="4">
      <t>ヨテイ</t>
    </rPh>
    <rPh sb="4" eb="5">
      <t>ガク</t>
    </rPh>
    <phoneticPr fontId="5"/>
  </si>
  <si>
    <t>千円</t>
    <rPh sb="0" eb="1">
      <t>セン</t>
    </rPh>
    <rPh sb="1" eb="2">
      <t>エン</t>
    </rPh>
    <phoneticPr fontId="5"/>
  </si>
  <si>
    <t>Ａ</t>
    <phoneticPr fontId="5"/>
  </si>
  <si>
    <t>Ｂ</t>
    <phoneticPr fontId="5"/>
  </si>
  <si>
    <t>Ｃ</t>
    <phoneticPr fontId="5"/>
  </si>
  <si>
    <t>Ｄ</t>
    <phoneticPr fontId="5"/>
  </si>
  <si>
    <t>Ｅ</t>
    <phoneticPr fontId="5"/>
  </si>
  <si>
    <t>Ｆ</t>
    <phoneticPr fontId="5"/>
  </si>
  <si>
    <t>差引額</t>
    <rPh sb="0" eb="2">
      <t>サシヒキ</t>
    </rPh>
    <rPh sb="2" eb="3">
      <t>ガク</t>
    </rPh>
    <phoneticPr fontId="5"/>
  </si>
  <si>
    <t>支出済額</t>
    <rPh sb="0" eb="2">
      <t>シシュツ</t>
    </rPh>
    <rPh sb="2" eb="3">
      <t>スミ</t>
    </rPh>
    <rPh sb="3" eb="4">
      <t>ガク</t>
    </rPh>
    <phoneticPr fontId="5"/>
  </si>
  <si>
    <t>収入済額</t>
    <rPh sb="0" eb="2">
      <t>シュウニュウ</t>
    </rPh>
    <rPh sb="2" eb="3">
      <t>ズミ</t>
    </rPh>
    <rPh sb="3" eb="4">
      <t>ガク</t>
    </rPh>
    <phoneticPr fontId="5"/>
  </si>
  <si>
    <t>Ｇ</t>
  </si>
  <si>
    <t>Ｈ＝Ｇ－Ｆ</t>
  </si>
  <si>
    <t>１　選定額（Ｃ）は、基準額（Ａ）と実支出額（Ｂ）とを比較して少ない方の額を記入すること。</t>
    <rPh sb="2" eb="4">
      <t>センテイ</t>
    </rPh>
    <rPh sb="4" eb="5">
      <t>ガク</t>
    </rPh>
    <rPh sb="10" eb="12">
      <t>キジュン</t>
    </rPh>
    <rPh sb="12" eb="13">
      <t>ガク</t>
    </rPh>
    <rPh sb="17" eb="20">
      <t>ジツシシュツ</t>
    </rPh>
    <rPh sb="20" eb="21">
      <t>ガク</t>
    </rPh>
    <rPh sb="26" eb="28">
      <t>ヒカク</t>
    </rPh>
    <rPh sb="30" eb="31">
      <t>スク</t>
    </rPh>
    <rPh sb="33" eb="34">
      <t>ホウ</t>
    </rPh>
    <rPh sb="35" eb="36">
      <t>ガク</t>
    </rPh>
    <rPh sb="37" eb="39">
      <t>キニュウ</t>
    </rPh>
    <phoneticPr fontId="5"/>
  </si>
  <si>
    <t>選定額</t>
    <rPh sb="0" eb="2">
      <t>センテイ</t>
    </rPh>
    <rPh sb="2" eb="3">
      <t>ガク</t>
    </rPh>
    <phoneticPr fontId="5"/>
  </si>
  <si>
    <t>２　交付額（Ｆ）は、選定額（Ｃ）と総事業費から収入額を控除した額（Ｄ）とを比較して少ない方の額に、補助率（Ｅ）を乗じて得た額を記入すること。</t>
    <rPh sb="2" eb="5">
      <t>コウフガク</t>
    </rPh>
    <rPh sb="10" eb="12">
      <t>センテイ</t>
    </rPh>
    <rPh sb="12" eb="13">
      <t>ガク</t>
    </rPh>
    <rPh sb="17" eb="21">
      <t>ソウジギョウヒ</t>
    </rPh>
    <rPh sb="23" eb="25">
      <t>シュウニュウ</t>
    </rPh>
    <rPh sb="25" eb="26">
      <t>ガク</t>
    </rPh>
    <rPh sb="27" eb="29">
      <t>コウジョ</t>
    </rPh>
    <rPh sb="31" eb="32">
      <t>ガク</t>
    </rPh>
    <rPh sb="37" eb="39">
      <t>ヒカク</t>
    </rPh>
    <rPh sb="41" eb="42">
      <t>スク</t>
    </rPh>
    <rPh sb="44" eb="45">
      <t>ホウ</t>
    </rPh>
    <rPh sb="46" eb="47">
      <t>ガク</t>
    </rPh>
    <rPh sb="49" eb="52">
      <t>ホジョリツ</t>
    </rPh>
    <rPh sb="56" eb="57">
      <t>ジョウ</t>
    </rPh>
    <rPh sb="59" eb="60">
      <t>エ</t>
    </rPh>
    <rPh sb="61" eb="62">
      <t>ガク</t>
    </rPh>
    <phoneticPr fontId="5"/>
  </si>
  <si>
    <t>Ａ</t>
    <phoneticPr fontId="5"/>
  </si>
  <si>
    <t>Ｂ</t>
    <phoneticPr fontId="5"/>
  </si>
  <si>
    <t>Ｄ</t>
    <phoneticPr fontId="5"/>
  </si>
  <si>
    <t>Ｅ</t>
    <phoneticPr fontId="5"/>
  </si>
  <si>
    <t>Ｆ</t>
    <phoneticPr fontId="5"/>
  </si>
  <si>
    <t>選定額</t>
    <rPh sb="0" eb="2">
      <t>センテイ</t>
    </rPh>
    <rPh sb="2" eb="3">
      <t>ガク</t>
    </rPh>
    <phoneticPr fontId="2"/>
  </si>
  <si>
    <t>Ｃ</t>
    <phoneticPr fontId="2"/>
  </si>
  <si>
    <t>要綱別表２に定める基準額</t>
    <rPh sb="0" eb="2">
      <t>ヨウコウ</t>
    </rPh>
    <phoneticPr fontId="5"/>
  </si>
  <si>
    <t>要綱別表２に定める対象経費の実支出額</t>
    <rPh sb="0" eb="2">
      <t>ヨウコウ</t>
    </rPh>
    <phoneticPr fontId="5"/>
  </si>
  <si>
    <t>総事業費から寄付金その他収入額を控除した額　</t>
    <rPh sb="0" eb="3">
      <t>ソウジギョウ</t>
    </rPh>
    <rPh sb="3" eb="4">
      <t>ヒ</t>
    </rPh>
    <phoneticPr fontId="5"/>
  </si>
  <si>
    <t>前年度末の累積欠損金及び不良債務</t>
    <rPh sb="0" eb="3">
      <t>ゼンネンド</t>
    </rPh>
    <rPh sb="3" eb="4">
      <t>マツ</t>
    </rPh>
    <phoneticPr fontId="5"/>
  </si>
  <si>
    <t>要綱別表２に定める補助率</t>
    <rPh sb="0" eb="2">
      <t>ヨウコウ</t>
    </rPh>
    <phoneticPr fontId="5"/>
  </si>
  <si>
    <t>交付額
(千円未満切捨)</t>
    <rPh sb="0" eb="2">
      <t>コウフ</t>
    </rPh>
    <rPh sb="2" eb="3">
      <t>ガク</t>
    </rPh>
    <phoneticPr fontId="5"/>
  </si>
  <si>
    <t>既交付決定額</t>
    <rPh sb="0" eb="1">
      <t>キ</t>
    </rPh>
    <rPh sb="1" eb="3">
      <t>コウフ</t>
    </rPh>
    <phoneticPr fontId="5"/>
  </si>
  <si>
    <t>要綱別表２に定める対象経費の実支出額</t>
    <phoneticPr fontId="2"/>
  </si>
  <si>
    <t xml:space="preserve"> 前年度末の累積欠損金及び不良債務　</t>
    <rPh sb="1" eb="4">
      <t>ゼンネンド</t>
    </rPh>
    <rPh sb="4" eb="5">
      <t>マツ</t>
    </rPh>
    <phoneticPr fontId="5"/>
  </si>
  <si>
    <t>医療機関名</t>
    <rPh sb="0" eb="2">
      <t>イリョウ</t>
    </rPh>
    <rPh sb="2" eb="4">
      <t>キカン</t>
    </rPh>
    <rPh sb="4" eb="5">
      <t>メイ</t>
    </rPh>
    <phoneticPr fontId="5"/>
  </si>
  <si>
    <t>1/2</t>
    <phoneticPr fontId="2"/>
  </si>
  <si>
    <t>　令和　年度　心臓リハビリテーション設備整備事業　所要額調書</t>
    <rPh sb="1" eb="3">
      <t>レイワ</t>
    </rPh>
    <rPh sb="4" eb="6">
      <t>ネンド</t>
    </rPh>
    <rPh sb="7" eb="9">
      <t>シンゾウ</t>
    </rPh>
    <rPh sb="18" eb="20">
      <t>セツビ</t>
    </rPh>
    <rPh sb="20" eb="22">
      <t>セイビ</t>
    </rPh>
    <rPh sb="22" eb="24">
      <t>ジギョウ</t>
    </rPh>
    <rPh sb="25" eb="27">
      <t>ショヨウ</t>
    </rPh>
    <rPh sb="27" eb="28">
      <t>ガク</t>
    </rPh>
    <rPh sb="28" eb="29">
      <t>シラ</t>
    </rPh>
    <rPh sb="29" eb="30">
      <t>ショ</t>
    </rPh>
    <phoneticPr fontId="2"/>
  </si>
  <si>
    <t>品名</t>
    <rPh sb="0" eb="2">
      <t>ヒンメイ</t>
    </rPh>
    <phoneticPr fontId="2"/>
  </si>
  <si>
    <t>規格</t>
    <rPh sb="0" eb="2">
      <t>キカク</t>
    </rPh>
    <phoneticPr fontId="2"/>
  </si>
  <si>
    <t>数量</t>
    <rPh sb="0" eb="2">
      <t>スウリョウ</t>
    </rPh>
    <phoneticPr fontId="2"/>
  </si>
  <si>
    <t>金額</t>
    <rPh sb="0" eb="2">
      <t>キンガク</t>
    </rPh>
    <phoneticPr fontId="2"/>
  </si>
  <si>
    <t>設置場所</t>
    <rPh sb="0" eb="2">
      <t>セッチ</t>
    </rPh>
    <rPh sb="2" eb="4">
      <t>バショ</t>
    </rPh>
    <phoneticPr fontId="2"/>
  </si>
  <si>
    <t>備考</t>
    <rPh sb="0" eb="2">
      <t>ビコウ</t>
    </rPh>
    <phoneticPr fontId="2"/>
  </si>
  <si>
    <t>合計</t>
    <rPh sb="0" eb="2">
      <t>ゴウケイ</t>
    </rPh>
    <phoneticPr fontId="2"/>
  </si>
  <si>
    <t>令和　　年度　心臓リハビリテーション設備整備事業　所要額明細書</t>
    <rPh sb="0" eb="2">
      <t>レイワ</t>
    </rPh>
    <rPh sb="4" eb="6">
      <t>ネンド</t>
    </rPh>
    <rPh sb="7" eb="9">
      <t>シンゾウ</t>
    </rPh>
    <rPh sb="18" eb="20">
      <t>セツビ</t>
    </rPh>
    <rPh sb="20" eb="22">
      <t>セイビ</t>
    </rPh>
    <rPh sb="22" eb="24">
      <t>ジギョウ</t>
    </rPh>
    <rPh sb="25" eb="27">
      <t>ショヨウ</t>
    </rPh>
    <rPh sb="27" eb="28">
      <t>ガク</t>
    </rPh>
    <rPh sb="28" eb="31">
      <t>メイサイショ</t>
    </rPh>
    <phoneticPr fontId="5"/>
  </si>
  <si>
    <t>令和　　年度　心臓リハビリテーション設備整備事業　所要額調書（変更後）</t>
    <rPh sb="0" eb="2">
      <t>レイワ</t>
    </rPh>
    <rPh sb="4" eb="6">
      <t>ネンド</t>
    </rPh>
    <rPh sb="7" eb="9">
      <t>シンゾウ</t>
    </rPh>
    <rPh sb="18" eb="20">
      <t>セツビ</t>
    </rPh>
    <rPh sb="20" eb="22">
      <t>セイビ</t>
    </rPh>
    <rPh sb="22" eb="24">
      <t>ジギョウ</t>
    </rPh>
    <rPh sb="25" eb="27">
      <t>ショヨウ</t>
    </rPh>
    <rPh sb="27" eb="28">
      <t>ガク</t>
    </rPh>
    <rPh sb="28" eb="29">
      <t>シラ</t>
    </rPh>
    <rPh sb="29" eb="30">
      <t>ショ</t>
    </rPh>
    <rPh sb="31" eb="33">
      <t>ヘンコウ</t>
    </rPh>
    <rPh sb="33" eb="34">
      <t>ゴ</t>
    </rPh>
    <phoneticPr fontId="2"/>
  </si>
  <si>
    <t>令和　　年度　心臓リハビリテーション設備整備事業　所要額明細書（変更後）</t>
    <rPh sb="0" eb="2">
      <t>レイワ</t>
    </rPh>
    <rPh sb="4" eb="6">
      <t>ネンド</t>
    </rPh>
    <rPh sb="7" eb="9">
      <t>シンゾウリ</t>
    </rPh>
    <rPh sb="10" eb="22">
      <t>テーションセツビセイビ</t>
    </rPh>
    <rPh sb="22" eb="24">
      <t>ジギョウ</t>
    </rPh>
    <rPh sb="25" eb="27">
      <t>ショヨウ</t>
    </rPh>
    <rPh sb="27" eb="28">
      <t>ガク</t>
    </rPh>
    <rPh sb="28" eb="31">
      <t>メイサイショ</t>
    </rPh>
    <rPh sb="32" eb="34">
      <t>ヘンコウ</t>
    </rPh>
    <rPh sb="34" eb="35">
      <t>ゴ</t>
    </rPh>
    <phoneticPr fontId="5"/>
  </si>
  <si>
    <t>令和　　年度　心臓リハビリテーション設備整備事業　経費精算額調書</t>
    <rPh sb="0" eb="2">
      <t>レイワ</t>
    </rPh>
    <rPh sb="4" eb="6">
      <t>ネンド</t>
    </rPh>
    <rPh sb="7" eb="9">
      <t>シンゾウ</t>
    </rPh>
    <rPh sb="18" eb="20">
      <t>セツビ</t>
    </rPh>
    <rPh sb="20" eb="22">
      <t>セイビ</t>
    </rPh>
    <rPh sb="22" eb="24">
      <t>ジギョウ</t>
    </rPh>
    <rPh sb="25" eb="27">
      <t>ケイヒ</t>
    </rPh>
    <rPh sb="27" eb="29">
      <t>セイサン</t>
    </rPh>
    <rPh sb="29" eb="30">
      <t>ガク</t>
    </rPh>
    <rPh sb="30" eb="32">
      <t>チョウショ</t>
    </rPh>
    <phoneticPr fontId="2"/>
  </si>
  <si>
    <t>令和　　年度　心臓リハビリテーション設備整備事業　事業実績額明細書</t>
    <rPh sb="0" eb="2">
      <t>レイワ</t>
    </rPh>
    <rPh sb="4" eb="6">
      <t>ネンド</t>
    </rPh>
    <rPh sb="7" eb="9">
      <t>シンゾウ</t>
    </rPh>
    <rPh sb="18" eb="20">
      <t>セツビ</t>
    </rPh>
    <rPh sb="20" eb="22">
      <t>セイビ</t>
    </rPh>
    <rPh sb="22" eb="24">
      <t>ジギョウ</t>
    </rPh>
    <rPh sb="25" eb="27">
      <t>ジギョウ</t>
    </rPh>
    <rPh sb="27" eb="29">
      <t>ジッセキ</t>
    </rPh>
    <rPh sb="29" eb="30">
      <t>ガク</t>
    </rPh>
    <rPh sb="30" eb="33">
      <t>メイサイショ</t>
    </rPh>
    <phoneticPr fontId="5"/>
  </si>
  <si>
    <t>（1）新規医療機関（心リハ施設基準の届出がされていない既存医療機関も含む）</t>
    <rPh sb="3" eb="5">
      <t>シンキ</t>
    </rPh>
    <rPh sb="5" eb="7">
      <t>イリョウ</t>
    </rPh>
    <rPh sb="7" eb="9">
      <t>キカン</t>
    </rPh>
    <rPh sb="10" eb="11">
      <t>シン</t>
    </rPh>
    <rPh sb="13" eb="15">
      <t>シセツ</t>
    </rPh>
    <rPh sb="15" eb="17">
      <t>キジュン</t>
    </rPh>
    <rPh sb="18" eb="20">
      <t>トドケデ</t>
    </rPh>
    <rPh sb="27" eb="29">
      <t>キゾン</t>
    </rPh>
    <rPh sb="29" eb="31">
      <t>イリョウ</t>
    </rPh>
    <rPh sb="31" eb="33">
      <t>キカン</t>
    </rPh>
    <rPh sb="34" eb="35">
      <t>フク</t>
    </rPh>
    <phoneticPr fontId="2"/>
  </si>
  <si>
    <t>（2）二次保健医療圏における人口10万人当たりの心リハ医療機関が少ない地域の既存医療機関</t>
    <rPh sb="3" eb="5">
      <t>ニジ</t>
    </rPh>
    <rPh sb="5" eb="7">
      <t>ホケン</t>
    </rPh>
    <rPh sb="7" eb="9">
      <t>イリョウ</t>
    </rPh>
    <rPh sb="9" eb="10">
      <t>ケン</t>
    </rPh>
    <rPh sb="14" eb="16">
      <t>ジンコウ</t>
    </rPh>
    <rPh sb="18" eb="20">
      <t>マンニン</t>
    </rPh>
    <rPh sb="20" eb="21">
      <t>ア</t>
    </rPh>
    <rPh sb="24" eb="25">
      <t>シン</t>
    </rPh>
    <rPh sb="27" eb="29">
      <t>イリョウ</t>
    </rPh>
    <rPh sb="29" eb="31">
      <t>キカン</t>
    </rPh>
    <rPh sb="32" eb="33">
      <t>スク</t>
    </rPh>
    <rPh sb="35" eb="37">
      <t>チイキ</t>
    </rPh>
    <rPh sb="38" eb="40">
      <t>キゾン</t>
    </rPh>
    <rPh sb="40" eb="42">
      <t>イリョウ</t>
    </rPh>
    <rPh sb="42" eb="44">
      <t>キカン</t>
    </rPh>
    <phoneticPr fontId="2"/>
  </si>
  <si>
    <t>（3）運動負荷装置等を増設する医療機関</t>
    <rPh sb="3" eb="5">
      <t>ウンドウ</t>
    </rPh>
    <rPh sb="5" eb="7">
      <t>フカ</t>
    </rPh>
    <rPh sb="7" eb="9">
      <t>ソウチ</t>
    </rPh>
    <rPh sb="9" eb="10">
      <t>トウ</t>
    </rPh>
    <rPh sb="11" eb="13">
      <t>ゾウセツ</t>
    </rPh>
    <rPh sb="15" eb="17">
      <t>イリョウ</t>
    </rPh>
    <rPh sb="17" eb="19">
      <t>キカン</t>
    </rPh>
    <phoneticPr fontId="2"/>
  </si>
  <si>
    <t>２．設備整備内訳</t>
    <rPh sb="2" eb="4">
      <t>セツビ</t>
    </rPh>
    <rPh sb="4" eb="6">
      <t>セイビ</t>
    </rPh>
    <rPh sb="6" eb="7">
      <t>ウチ</t>
    </rPh>
    <rPh sb="7" eb="8">
      <t>ワケ</t>
    </rPh>
    <phoneticPr fontId="2"/>
  </si>
  <si>
    <t>３．事業目標</t>
    <rPh sb="2" eb="4">
      <t>ジギョウ</t>
    </rPh>
    <rPh sb="4" eb="6">
      <t>モクヒョウ</t>
    </rPh>
    <phoneticPr fontId="2"/>
  </si>
  <si>
    <t>医療機関名　　　　　　　　　　　　　　</t>
    <rPh sb="0" eb="2">
      <t>イリョウ</t>
    </rPh>
    <rPh sb="2" eb="4">
      <t>キカン</t>
    </rPh>
    <rPh sb="4" eb="5">
      <t>メイ</t>
    </rPh>
    <phoneticPr fontId="5"/>
  </si>
  <si>
    <t>１．設備整備の区分（該当の区分に○を記入）</t>
    <rPh sb="2" eb="4">
      <t>セツビ</t>
    </rPh>
    <rPh sb="4" eb="6">
      <t>セイビ</t>
    </rPh>
    <rPh sb="7" eb="9">
      <t>クブン</t>
    </rPh>
    <rPh sb="10" eb="12">
      <t>ガイトウ</t>
    </rPh>
    <rPh sb="13" eb="15">
      <t>クブン</t>
    </rPh>
    <rPh sb="18" eb="20">
      <t>キニュウ</t>
    </rPh>
    <phoneticPr fontId="2"/>
  </si>
  <si>
    <t>令和　年度　心臓リハビリテーション設備整備事業　事業計画書</t>
    <rPh sb="0" eb="2">
      <t>レイワ</t>
    </rPh>
    <rPh sb="3" eb="5">
      <t>ネンド</t>
    </rPh>
    <rPh sb="6" eb="8">
      <t>シンゾウ</t>
    </rPh>
    <rPh sb="17" eb="19">
      <t>セツビ</t>
    </rPh>
    <rPh sb="19" eb="21">
      <t>セイビ</t>
    </rPh>
    <rPh sb="21" eb="23">
      <t>ジギョウ</t>
    </rPh>
    <rPh sb="24" eb="26">
      <t>ジギョウ</t>
    </rPh>
    <rPh sb="26" eb="29">
      <t>ケイカクショ</t>
    </rPh>
    <phoneticPr fontId="2"/>
  </si>
  <si>
    <t>令和　年度　心臓リハビリテーション設備整備事業　事業計画書（変更後）</t>
    <rPh sb="0" eb="2">
      <t>レイワ</t>
    </rPh>
    <rPh sb="3" eb="5">
      <t>ネンド</t>
    </rPh>
    <rPh sb="6" eb="8">
      <t>シンゾウ</t>
    </rPh>
    <rPh sb="17" eb="19">
      <t>セツビ</t>
    </rPh>
    <rPh sb="19" eb="21">
      <t>セイビ</t>
    </rPh>
    <rPh sb="21" eb="23">
      <t>ジギョウ</t>
    </rPh>
    <rPh sb="24" eb="26">
      <t>ジギョウ</t>
    </rPh>
    <rPh sb="26" eb="29">
      <t>ケイカクショ</t>
    </rPh>
    <rPh sb="30" eb="32">
      <t>ヘンコウ</t>
    </rPh>
    <rPh sb="32" eb="33">
      <t>ゴ</t>
    </rPh>
    <phoneticPr fontId="2"/>
  </si>
  <si>
    <t>令和　年度　心臓リハビリテーション設備整備事業　事業実績報告書</t>
    <rPh sb="0" eb="2">
      <t>レイワ</t>
    </rPh>
    <rPh sb="3" eb="5">
      <t>ネンド</t>
    </rPh>
    <rPh sb="6" eb="8">
      <t>シンゾウ</t>
    </rPh>
    <rPh sb="17" eb="19">
      <t>セツビ</t>
    </rPh>
    <rPh sb="19" eb="21">
      <t>セイビ</t>
    </rPh>
    <rPh sb="21" eb="23">
      <t>ジギョウ</t>
    </rPh>
    <rPh sb="24" eb="26">
      <t>ジギョウ</t>
    </rPh>
    <rPh sb="26" eb="28">
      <t>ジッセキ</t>
    </rPh>
    <rPh sb="28" eb="31">
      <t>ホウコクショ</t>
    </rPh>
    <phoneticPr fontId="2"/>
  </si>
  <si>
    <t>―</t>
    <phoneticPr fontId="2"/>
  </si>
  <si>
    <r>
      <rPr>
        <b/>
        <sz val="11"/>
        <rFont val="ＭＳ 明朝"/>
        <family val="1"/>
        <charset val="128"/>
      </rPr>
      <t>※「一式」と記載する場合は、具体的に内容がわかるように記載してください。</t>
    </r>
    <r>
      <rPr>
        <sz val="11"/>
        <rFont val="ＭＳ 明朝"/>
        <family val="1"/>
        <charset val="128"/>
      </rPr>
      <t xml:space="preserve">
　【補助の対象となる機器】
　　①　心リハ施設基準に規定する運動負荷装置（トレッドミル、エルゴメーター）及び運動負荷試験装置
　　②　①の導入に係る設置費、運搬費（保守及び補償に係る費用は対象外）</t>
    </r>
    <rPh sb="2" eb="4">
      <t>イッシキ</t>
    </rPh>
    <rPh sb="6" eb="8">
      <t>キサイ</t>
    </rPh>
    <rPh sb="10" eb="12">
      <t>バアイ</t>
    </rPh>
    <rPh sb="14" eb="17">
      <t>グタイテキ</t>
    </rPh>
    <rPh sb="18" eb="20">
      <t>ナイヨウ</t>
    </rPh>
    <rPh sb="27" eb="29">
      <t>キサイ</t>
    </rPh>
    <rPh sb="39" eb="41">
      <t>ホジョ</t>
    </rPh>
    <rPh sb="42" eb="44">
      <t>タイショウ</t>
    </rPh>
    <rPh sb="47" eb="49">
      <t>キキ</t>
    </rPh>
    <rPh sb="55" eb="56">
      <t>シン</t>
    </rPh>
    <rPh sb="58" eb="60">
      <t>シセツ</t>
    </rPh>
    <rPh sb="60" eb="62">
      <t>キジュン</t>
    </rPh>
    <rPh sb="63" eb="65">
      <t>キテイ</t>
    </rPh>
    <rPh sb="67" eb="69">
      <t>ウンドウ</t>
    </rPh>
    <rPh sb="69" eb="71">
      <t>フカ</t>
    </rPh>
    <rPh sb="71" eb="73">
      <t>ソウチ</t>
    </rPh>
    <rPh sb="89" eb="90">
      <t>オヨ</t>
    </rPh>
    <rPh sb="91" eb="93">
      <t>ウンドウ</t>
    </rPh>
    <rPh sb="93" eb="95">
      <t>フカ</t>
    </rPh>
    <rPh sb="95" eb="97">
      <t>シケン</t>
    </rPh>
    <rPh sb="97" eb="99">
      <t>ソウチ</t>
    </rPh>
    <rPh sb="106" eb="108">
      <t>ドウニュウ</t>
    </rPh>
    <rPh sb="109" eb="110">
      <t>カカ</t>
    </rPh>
    <rPh sb="111" eb="113">
      <t>セッチ</t>
    </rPh>
    <rPh sb="113" eb="114">
      <t>ヒ</t>
    </rPh>
    <rPh sb="115" eb="117">
      <t>ウンパン</t>
    </rPh>
    <rPh sb="117" eb="118">
      <t>ヒ</t>
    </rPh>
    <rPh sb="119" eb="121">
      <t>ホシュ</t>
    </rPh>
    <rPh sb="121" eb="122">
      <t>オヨ</t>
    </rPh>
    <rPh sb="123" eb="125">
      <t>ホショウ</t>
    </rPh>
    <rPh sb="126" eb="127">
      <t>カカ</t>
    </rPh>
    <rPh sb="128" eb="130">
      <t>ヒヨウ</t>
    </rPh>
    <rPh sb="131" eb="134">
      <t>タイショウガイ</t>
    </rPh>
    <phoneticPr fontId="2"/>
  </si>
  <si>
    <t>（1）活動目標（アウトプット）(記入例：使用頻度、体制等)</t>
    <rPh sb="3" eb="5">
      <t>カツドウ</t>
    </rPh>
    <rPh sb="5" eb="7">
      <t>モクヒョウ</t>
    </rPh>
    <rPh sb="16" eb="18">
      <t>キニュウ</t>
    </rPh>
    <rPh sb="18" eb="19">
      <t>レイ</t>
    </rPh>
    <rPh sb="20" eb="22">
      <t>シヨウ</t>
    </rPh>
    <rPh sb="22" eb="24">
      <t>ヒンド</t>
    </rPh>
    <rPh sb="25" eb="27">
      <t>タイセイ</t>
    </rPh>
    <rPh sb="27" eb="28">
      <t>トウ</t>
    </rPh>
    <phoneticPr fontId="2"/>
  </si>
  <si>
    <t>（2）成果目標（アウトカム）(記入例：心リハ実施件数の増加(見込み等))</t>
    <rPh sb="3" eb="5">
      <t>セイカ</t>
    </rPh>
    <rPh sb="5" eb="7">
      <t>モクヒョウ</t>
    </rPh>
    <rPh sb="15" eb="17">
      <t>キニュウ</t>
    </rPh>
    <rPh sb="17" eb="18">
      <t>レイ</t>
    </rPh>
    <rPh sb="19" eb="20">
      <t>シン</t>
    </rPh>
    <rPh sb="22" eb="24">
      <t>ジッシ</t>
    </rPh>
    <rPh sb="24" eb="26">
      <t>ケンスウ</t>
    </rPh>
    <rPh sb="27" eb="29">
      <t>ゾウカ</t>
    </rPh>
    <rPh sb="30" eb="32">
      <t>ミコ</t>
    </rPh>
    <rPh sb="33" eb="34">
      <t>トウ</t>
    </rPh>
    <phoneticPr fontId="2"/>
  </si>
  <si>
    <t>３．事業目標の達成状況</t>
    <rPh sb="2" eb="4">
      <t>ジギョウ</t>
    </rPh>
    <rPh sb="4" eb="6">
      <t>モクヒョウ</t>
    </rPh>
    <rPh sb="7" eb="9">
      <t>タッセイ</t>
    </rPh>
    <rPh sb="9" eb="11">
      <t>ジョウキョウ</t>
    </rPh>
    <phoneticPr fontId="2"/>
  </si>
  <si>
    <t>（1）活動目標（アウトプット）の達成状況(記入例：使用頻度、体制等)</t>
    <rPh sb="3" eb="5">
      <t>カツドウ</t>
    </rPh>
    <rPh sb="5" eb="7">
      <t>モクヒョウ</t>
    </rPh>
    <rPh sb="16" eb="18">
      <t>タッセイ</t>
    </rPh>
    <rPh sb="18" eb="20">
      <t>ジョウキョウ</t>
    </rPh>
    <phoneticPr fontId="2"/>
  </si>
  <si>
    <t>（2）成果目標（アウトカム）の達成状況(記入例：心リハ実施件数の増加)</t>
    <rPh sb="3" eb="5">
      <t>セイカ</t>
    </rPh>
    <rPh sb="5" eb="7">
      <t>モクヒョウ</t>
    </rPh>
    <rPh sb="15" eb="17">
      <t>タッセイ</t>
    </rPh>
    <rPh sb="17" eb="19">
      <t>ジョウキ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[Red]#,##0"/>
  </numFmts>
  <fonts count="16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sz val="11"/>
      <name val="ＭＳ 明朝"/>
      <family val="1"/>
      <charset val="128"/>
    </font>
    <font>
      <sz val="14"/>
      <name val="ＭＳ ゴシック"/>
      <family val="3"/>
      <charset val="128"/>
    </font>
    <font>
      <sz val="10"/>
      <name val="ＭＳ ゴシック"/>
      <family val="3"/>
      <charset val="128"/>
    </font>
    <font>
      <sz val="12"/>
      <name val="ＭＳ ゴシック"/>
      <family val="3"/>
      <charset val="128"/>
    </font>
    <font>
      <sz val="14"/>
      <color indexed="8"/>
      <name val="ＭＳ ゴシック"/>
      <family val="3"/>
      <charset val="128"/>
    </font>
    <font>
      <sz val="12"/>
      <name val="ＭＳ 明朝"/>
      <family val="1"/>
      <charset val="128"/>
    </font>
    <font>
      <sz val="12"/>
      <name val="ＭＳ Ｐ明朝"/>
      <family val="1"/>
      <charset val="128"/>
    </font>
    <font>
      <u/>
      <sz val="12"/>
      <name val="ＭＳ 明朝"/>
      <family val="1"/>
      <charset val="128"/>
    </font>
    <font>
      <b/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8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dashed">
        <color indexed="64"/>
      </top>
      <bottom/>
      <diagonal/>
    </border>
    <border>
      <left/>
      <right/>
      <top style="dashed">
        <color indexed="64"/>
      </top>
      <bottom/>
      <diagonal/>
    </border>
    <border>
      <left/>
      <right style="medium">
        <color indexed="64"/>
      </right>
      <top style="dashed">
        <color indexed="64"/>
      </top>
      <bottom/>
      <diagonal/>
    </border>
    <border>
      <left style="medium">
        <color indexed="64"/>
      </left>
      <right style="medium">
        <color indexed="64"/>
      </right>
      <top style="dashed">
        <color indexed="64"/>
      </top>
      <bottom style="dashed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ashed">
        <color indexed="64"/>
      </bottom>
      <diagonal/>
    </border>
    <border>
      <left style="medium">
        <color indexed="64"/>
      </left>
      <right style="medium">
        <color indexed="64"/>
      </right>
      <top style="dashed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dashed">
        <color indexed="64"/>
      </top>
      <bottom style="medium">
        <color indexed="64"/>
      </bottom>
      <diagonal/>
    </border>
    <border>
      <left/>
      <right/>
      <top style="dashed">
        <color indexed="64"/>
      </top>
      <bottom style="medium">
        <color indexed="64"/>
      </bottom>
      <diagonal/>
    </border>
    <border>
      <left/>
      <right style="medium">
        <color indexed="64"/>
      </right>
      <top style="dashed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4" fillId="0" borderId="0"/>
    <xf numFmtId="0" fontId="4" fillId="0" borderId="0"/>
  </cellStyleXfs>
  <cellXfs count="125">
    <xf numFmtId="0" fontId="0" fillId="0" borderId="0" xfId="0">
      <alignment vertical="center"/>
    </xf>
    <xf numFmtId="0" fontId="6" fillId="0" borderId="0" xfId="3" applyFont="1"/>
    <xf numFmtId="0" fontId="3" fillId="0" borderId="0" xfId="2" applyFont="1" applyFill="1" applyAlignment="1">
      <alignment vertical="center"/>
    </xf>
    <xf numFmtId="0" fontId="3" fillId="0" borderId="1" xfId="2" applyFont="1" applyFill="1" applyBorder="1" applyAlignment="1">
      <alignment vertical="center"/>
    </xf>
    <xf numFmtId="0" fontId="3" fillId="0" borderId="0" xfId="2" applyFont="1" applyFill="1" applyBorder="1" applyAlignment="1">
      <alignment vertical="center"/>
    </xf>
    <xf numFmtId="0" fontId="3" fillId="0" borderId="2" xfId="2" applyFont="1" applyFill="1" applyBorder="1" applyAlignment="1">
      <alignment vertical="center"/>
    </xf>
    <xf numFmtId="0" fontId="3" fillId="0" borderId="3" xfId="2" applyFont="1" applyFill="1" applyBorder="1" applyAlignment="1">
      <alignment horizontal="right" vertical="center"/>
    </xf>
    <xf numFmtId="0" fontId="3" fillId="0" borderId="4" xfId="2" applyFont="1" applyFill="1" applyBorder="1" applyAlignment="1">
      <alignment horizontal="right" vertical="center"/>
    </xf>
    <xf numFmtId="0" fontId="3" fillId="0" borderId="5" xfId="2" applyFont="1" applyFill="1" applyBorder="1" applyAlignment="1">
      <alignment horizontal="right" vertical="center"/>
    </xf>
    <xf numFmtId="0" fontId="3" fillId="0" borderId="6" xfId="2" applyFont="1" applyFill="1" applyBorder="1" applyAlignment="1">
      <alignment horizontal="right" vertical="center" wrapText="1"/>
    </xf>
    <xf numFmtId="0" fontId="3" fillId="0" borderId="7" xfId="2" applyFont="1" applyFill="1" applyBorder="1" applyAlignment="1">
      <alignment horizontal="right" vertical="center"/>
    </xf>
    <xf numFmtId="0" fontId="8" fillId="0" borderId="0" xfId="3" applyFont="1" applyAlignment="1">
      <alignment vertical="center"/>
    </xf>
    <xf numFmtId="0" fontId="9" fillId="0" borderId="0" xfId="3" applyFont="1" applyAlignment="1">
      <alignment vertical="center"/>
    </xf>
    <xf numFmtId="0" fontId="10" fillId="0" borderId="0" xfId="0" applyFont="1">
      <alignment vertical="center"/>
    </xf>
    <xf numFmtId="0" fontId="7" fillId="0" borderId="0" xfId="0" applyFont="1" applyAlignment="1">
      <alignment vertical="center"/>
    </xf>
    <xf numFmtId="0" fontId="1" fillId="0" borderId="0" xfId="0" applyFont="1">
      <alignment vertical="center"/>
    </xf>
    <xf numFmtId="0" fontId="3" fillId="0" borderId="1" xfId="2" applyFont="1" applyFill="1" applyBorder="1" applyAlignment="1"/>
    <xf numFmtId="0" fontId="3" fillId="0" borderId="0" xfId="0" applyFont="1" applyAlignment="1">
      <alignment horizontal="center" vertical="center"/>
    </xf>
    <xf numFmtId="0" fontId="3" fillId="0" borderId="8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4" xfId="0" applyFont="1" applyBorder="1" applyAlignment="1">
      <alignment vertical="center"/>
    </xf>
    <xf numFmtId="0" fontId="3" fillId="0" borderId="0" xfId="0" applyFont="1" applyAlignment="1">
      <alignment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vertical="center"/>
    </xf>
    <xf numFmtId="0" fontId="3" fillId="0" borderId="10" xfId="0" applyFont="1" applyBorder="1" applyAlignment="1">
      <alignment vertical="center"/>
    </xf>
    <xf numFmtId="0" fontId="3" fillId="0" borderId="11" xfId="0" applyFont="1" applyBorder="1" applyAlignment="1">
      <alignment vertical="center"/>
    </xf>
    <xf numFmtId="0" fontId="3" fillId="0" borderId="0" xfId="0" applyFont="1">
      <alignment vertical="center"/>
    </xf>
    <xf numFmtId="0" fontId="3" fillId="0" borderId="0" xfId="0" applyFont="1" applyFill="1" applyBorder="1" applyAlignment="1">
      <alignment vertical="center"/>
    </xf>
    <xf numFmtId="0" fontId="3" fillId="0" borderId="10" xfId="0" applyFont="1" applyBorder="1">
      <alignment vertical="center"/>
    </xf>
    <xf numFmtId="0" fontId="3" fillId="0" borderId="11" xfId="0" applyFont="1" applyBorder="1">
      <alignment vertical="center"/>
    </xf>
    <xf numFmtId="0" fontId="3" fillId="0" borderId="3" xfId="2" applyFont="1" applyFill="1" applyBorder="1" applyAlignment="1">
      <alignment horizontal="center" vertical="center"/>
    </xf>
    <xf numFmtId="0" fontId="3" fillId="0" borderId="0" xfId="3" applyFont="1"/>
    <xf numFmtId="0" fontId="3" fillId="0" borderId="0" xfId="3" applyFont="1" applyBorder="1"/>
    <xf numFmtId="0" fontId="3" fillId="0" borderId="1" xfId="3" applyFont="1" applyBorder="1"/>
    <xf numFmtId="0" fontId="12" fillId="0" borderId="0" xfId="0" applyFont="1">
      <alignment vertical="center"/>
    </xf>
    <xf numFmtId="38" fontId="3" fillId="0" borderId="12" xfId="1" applyFont="1" applyFill="1" applyBorder="1" applyAlignment="1">
      <alignment horizontal="right" vertical="center"/>
    </xf>
    <xf numFmtId="38" fontId="6" fillId="0" borderId="0" xfId="1" applyFont="1" applyAlignment="1"/>
    <xf numFmtId="38" fontId="3" fillId="0" borderId="0" xfId="1" applyFont="1" applyBorder="1" applyAlignment="1"/>
    <xf numFmtId="38" fontId="3" fillId="0" borderId="0" xfId="1" applyFont="1" applyAlignment="1"/>
    <xf numFmtId="38" fontId="12" fillId="0" borderId="0" xfId="1" applyFont="1">
      <alignment vertical="center"/>
    </xf>
    <xf numFmtId="38" fontId="3" fillId="0" borderId="13" xfId="1" applyFont="1" applyBorder="1" applyAlignment="1">
      <alignment horizontal="center" vertical="center"/>
    </xf>
    <xf numFmtId="38" fontId="3" fillId="0" borderId="2" xfId="1" applyFont="1" applyBorder="1" applyAlignment="1">
      <alignment horizontal="right" vertical="center"/>
    </xf>
    <xf numFmtId="38" fontId="3" fillId="0" borderId="2" xfId="1" applyFont="1" applyBorder="1" applyAlignment="1">
      <alignment vertical="center"/>
    </xf>
    <xf numFmtId="38" fontId="3" fillId="0" borderId="13" xfId="1" applyFont="1" applyBorder="1" applyAlignment="1">
      <alignment vertical="center"/>
    </xf>
    <xf numFmtId="38" fontId="0" fillId="0" borderId="0" xfId="1" applyFont="1">
      <alignment vertical="center"/>
    </xf>
    <xf numFmtId="38" fontId="3" fillId="0" borderId="14" xfId="1" applyFont="1" applyFill="1" applyBorder="1" applyAlignment="1">
      <alignment horizontal="right" vertical="center"/>
    </xf>
    <xf numFmtId="38" fontId="3" fillId="0" borderId="3" xfId="1" applyFont="1" applyFill="1" applyBorder="1" applyAlignment="1">
      <alignment vertical="center"/>
    </xf>
    <xf numFmtId="38" fontId="3" fillId="0" borderId="12" xfId="1" applyFont="1" applyFill="1" applyBorder="1" applyAlignment="1">
      <alignment vertical="center" wrapText="1"/>
    </xf>
    <xf numFmtId="0" fontId="3" fillId="0" borderId="13" xfId="0" applyFont="1" applyBorder="1" applyAlignment="1">
      <alignment horizontal="center" vertical="center"/>
    </xf>
    <xf numFmtId="0" fontId="3" fillId="0" borderId="2" xfId="0" applyFont="1" applyBorder="1" applyAlignment="1">
      <alignment horizontal="right" vertical="center"/>
    </xf>
    <xf numFmtId="0" fontId="3" fillId="0" borderId="2" xfId="0" applyFont="1" applyBorder="1" applyAlignment="1">
      <alignment vertical="center"/>
    </xf>
    <xf numFmtId="0" fontId="3" fillId="0" borderId="13" xfId="0" applyFont="1" applyBorder="1" applyAlignment="1">
      <alignment vertical="center"/>
    </xf>
    <xf numFmtId="38" fontId="3" fillId="0" borderId="13" xfId="0" applyNumberFormat="1" applyFont="1" applyBorder="1">
      <alignment vertical="center"/>
    </xf>
    <xf numFmtId="0" fontId="3" fillId="0" borderId="1" xfId="2" applyFont="1" applyFill="1" applyBorder="1" applyAlignment="1">
      <alignment horizontal="right" vertical="center" wrapText="1"/>
    </xf>
    <xf numFmtId="38" fontId="3" fillId="0" borderId="1" xfId="1" applyFont="1" applyFill="1" applyBorder="1" applyAlignment="1">
      <alignment horizontal="right" vertical="center"/>
    </xf>
    <xf numFmtId="0" fontId="3" fillId="0" borderId="16" xfId="2" applyFont="1" applyFill="1" applyBorder="1" applyAlignment="1">
      <alignment horizontal="right" vertical="center"/>
    </xf>
    <xf numFmtId="38" fontId="3" fillId="0" borderId="5" xfId="1" quotePrefix="1" applyFont="1" applyFill="1" applyBorder="1" applyAlignment="1">
      <alignment horizontal="center" vertical="center"/>
    </xf>
    <xf numFmtId="0" fontId="3" fillId="0" borderId="17" xfId="2" applyFont="1" applyFill="1" applyBorder="1" applyAlignment="1">
      <alignment horizontal="right" vertical="center"/>
    </xf>
    <xf numFmtId="0" fontId="3" fillId="0" borderId="18" xfId="2" applyFont="1" applyFill="1" applyBorder="1" applyAlignment="1">
      <alignment horizontal="right" vertical="center"/>
    </xf>
    <xf numFmtId="0" fontId="13" fillId="0" borderId="0" xfId="3" applyFont="1"/>
    <xf numFmtId="0" fontId="10" fillId="0" borderId="0" xfId="3" applyFont="1" applyAlignment="1">
      <alignment vertical="center"/>
    </xf>
    <xf numFmtId="0" fontId="1" fillId="0" borderId="0" xfId="3" applyFont="1"/>
    <xf numFmtId="0" fontId="1" fillId="0" borderId="0" xfId="3" applyFont="1" applyAlignment="1">
      <alignment vertical="center"/>
    </xf>
    <xf numFmtId="0" fontId="1" fillId="0" borderId="0" xfId="2" applyFont="1" applyFill="1" applyBorder="1" applyAlignment="1">
      <alignment vertical="center"/>
    </xf>
    <xf numFmtId="0" fontId="1" fillId="0" borderId="0" xfId="3" applyFont="1" applyBorder="1" applyAlignment="1">
      <alignment vertical="center"/>
    </xf>
    <xf numFmtId="0" fontId="1" fillId="0" borderId="0" xfId="0" applyFont="1" applyBorder="1" applyAlignment="1">
      <alignment horizontal="center" vertical="center" wrapText="1"/>
    </xf>
    <xf numFmtId="0" fontId="1" fillId="0" borderId="13" xfId="3" applyFont="1" applyBorder="1" applyAlignment="1">
      <alignment horizontal="center" vertical="center" wrapText="1"/>
    </xf>
    <xf numFmtId="0" fontId="1" fillId="0" borderId="13" xfId="0" applyFont="1" applyBorder="1" applyAlignment="1">
      <alignment horizontal="center" vertical="center" wrapText="1"/>
    </xf>
    <xf numFmtId="0" fontId="1" fillId="0" borderId="13" xfId="0" applyFont="1" applyBorder="1" applyAlignment="1">
      <alignment vertical="center" wrapText="1"/>
    </xf>
    <xf numFmtId="0" fontId="1" fillId="0" borderId="7" xfId="0" applyFont="1" applyBorder="1" applyAlignment="1">
      <alignment horizontal="right" vertical="top" wrapText="1"/>
    </xf>
    <xf numFmtId="38" fontId="1" fillId="0" borderId="13" xfId="1" applyFont="1" applyBorder="1" applyAlignment="1">
      <alignment vertical="center" wrapText="1"/>
    </xf>
    <xf numFmtId="0" fontId="1" fillId="0" borderId="0" xfId="0" applyFont="1" applyBorder="1" applyAlignment="1">
      <alignment vertical="center" wrapText="1"/>
    </xf>
    <xf numFmtId="38" fontId="1" fillId="0" borderId="0" xfId="1" applyFont="1" applyBorder="1" applyAlignment="1">
      <alignment vertical="center" wrapText="1"/>
    </xf>
    <xf numFmtId="0" fontId="1" fillId="0" borderId="0" xfId="0" applyFont="1" applyBorder="1" applyAlignment="1">
      <alignment vertical="top" wrapText="1"/>
    </xf>
    <xf numFmtId="0" fontId="1" fillId="0" borderId="13" xfId="3" applyFont="1" applyBorder="1" applyAlignment="1">
      <alignment horizontal="center" vertical="center" wrapText="1"/>
    </xf>
    <xf numFmtId="0" fontId="1" fillId="0" borderId="13" xfId="0" applyFont="1" applyBorder="1" applyAlignment="1">
      <alignment horizontal="center" vertical="center" wrapText="1"/>
    </xf>
    <xf numFmtId="0" fontId="1" fillId="0" borderId="30" xfId="3" applyFont="1" applyFill="1" applyBorder="1" applyAlignment="1">
      <alignment horizontal="center" vertical="center"/>
    </xf>
    <xf numFmtId="0" fontId="1" fillId="0" borderId="29" xfId="3" applyFont="1" applyFill="1" applyBorder="1" applyAlignment="1">
      <alignment horizontal="center" vertical="center"/>
    </xf>
    <xf numFmtId="0" fontId="1" fillId="0" borderId="31" xfId="3" applyFont="1" applyFill="1" applyBorder="1" applyAlignment="1">
      <alignment horizontal="center" vertical="center"/>
    </xf>
    <xf numFmtId="0" fontId="1" fillId="0" borderId="24" xfId="0" applyFont="1" applyBorder="1" applyAlignment="1">
      <alignment vertical="top" wrapText="1"/>
    </xf>
    <xf numFmtId="0" fontId="1" fillId="0" borderId="0" xfId="3" applyFont="1" applyBorder="1"/>
    <xf numFmtId="38" fontId="3" fillId="0" borderId="12" xfId="1" applyFont="1" applyFill="1" applyBorder="1" applyAlignment="1">
      <alignment horizontal="center" vertical="center"/>
    </xf>
    <xf numFmtId="176" fontId="3" fillId="0" borderId="14" xfId="1" applyNumberFormat="1" applyFont="1" applyFill="1" applyBorder="1" applyAlignment="1">
      <alignment horizontal="right" vertical="center"/>
    </xf>
    <xf numFmtId="0" fontId="3" fillId="0" borderId="19" xfId="2" applyFont="1" applyFill="1" applyBorder="1" applyAlignment="1">
      <alignment horizontal="center" vertical="center" wrapText="1"/>
    </xf>
    <xf numFmtId="0" fontId="3" fillId="0" borderId="20" xfId="2" applyFont="1" applyFill="1" applyBorder="1" applyAlignment="1">
      <alignment horizontal="center" vertical="center" wrapText="1"/>
    </xf>
    <xf numFmtId="0" fontId="3" fillId="0" borderId="21" xfId="2" applyFont="1" applyFill="1" applyBorder="1" applyAlignment="1">
      <alignment horizontal="center" vertical="center" wrapText="1"/>
    </xf>
    <xf numFmtId="0" fontId="3" fillId="0" borderId="16" xfId="2" applyFont="1" applyFill="1" applyBorder="1" applyAlignment="1">
      <alignment horizontal="center" vertical="center" wrapText="1"/>
    </xf>
    <xf numFmtId="0" fontId="11" fillId="0" borderId="0" xfId="0" applyFont="1" applyAlignment="1">
      <alignment horizontal="center" vertical="center"/>
    </xf>
    <xf numFmtId="0" fontId="3" fillId="0" borderId="15" xfId="2" applyFont="1" applyFill="1" applyBorder="1" applyAlignment="1">
      <alignment horizontal="center" vertical="center"/>
    </xf>
    <xf numFmtId="0" fontId="3" fillId="0" borderId="2" xfId="2" applyFont="1" applyFill="1" applyBorder="1" applyAlignment="1">
      <alignment horizontal="center" vertical="center"/>
    </xf>
    <xf numFmtId="0" fontId="3" fillId="0" borderId="15" xfId="2" applyFont="1" applyFill="1" applyBorder="1" applyAlignment="1">
      <alignment horizontal="center" vertical="center" wrapText="1"/>
    </xf>
    <xf numFmtId="0" fontId="3" fillId="0" borderId="2" xfId="2" applyFont="1" applyFill="1" applyBorder="1" applyAlignment="1">
      <alignment horizontal="center" vertical="center" wrapText="1"/>
    </xf>
    <xf numFmtId="0" fontId="10" fillId="0" borderId="0" xfId="3" applyFont="1" applyAlignment="1">
      <alignment horizontal="center" vertical="center"/>
    </xf>
    <xf numFmtId="0" fontId="1" fillId="0" borderId="32" xfId="0" applyFont="1" applyBorder="1" applyAlignment="1">
      <alignment horizontal="left" vertical="top" wrapText="1"/>
    </xf>
    <xf numFmtId="0" fontId="1" fillId="0" borderId="33" xfId="0" applyFont="1" applyBorder="1" applyAlignment="1">
      <alignment horizontal="left" vertical="top" wrapText="1"/>
    </xf>
    <xf numFmtId="0" fontId="1" fillId="0" borderId="34" xfId="0" applyFont="1" applyBorder="1" applyAlignment="1">
      <alignment horizontal="left" vertical="top" wrapText="1"/>
    </xf>
    <xf numFmtId="0" fontId="0" fillId="0" borderId="0" xfId="3" applyFont="1" applyBorder="1" applyAlignment="1">
      <alignment horizontal="left" vertical="center" wrapText="1"/>
    </xf>
    <xf numFmtId="0" fontId="1" fillId="0" borderId="0" xfId="3" applyFont="1" applyBorder="1" applyAlignment="1">
      <alignment horizontal="left" vertical="center" wrapText="1"/>
    </xf>
    <xf numFmtId="0" fontId="14" fillId="0" borderId="0" xfId="2" applyFont="1" applyFill="1" applyBorder="1" applyAlignment="1">
      <alignment horizontal="left"/>
    </xf>
    <xf numFmtId="0" fontId="1" fillId="0" borderId="0" xfId="2" applyFont="1" applyFill="1" applyBorder="1" applyAlignment="1">
      <alignment horizontal="left"/>
    </xf>
    <xf numFmtId="0" fontId="1" fillId="0" borderId="22" xfId="3" applyFont="1" applyBorder="1" applyAlignment="1">
      <alignment horizontal="left" vertical="center"/>
    </xf>
    <xf numFmtId="0" fontId="1" fillId="0" borderId="23" xfId="3" applyFont="1" applyBorder="1" applyAlignment="1">
      <alignment horizontal="left" vertical="center"/>
    </xf>
    <xf numFmtId="0" fontId="1" fillId="0" borderId="26" xfId="3" applyFont="1" applyBorder="1" applyAlignment="1">
      <alignment horizontal="left" vertical="center"/>
    </xf>
    <xf numFmtId="0" fontId="1" fillId="0" borderId="27" xfId="3" applyFont="1" applyBorder="1" applyAlignment="1">
      <alignment horizontal="left" vertical="center"/>
    </xf>
    <xf numFmtId="0" fontId="1" fillId="0" borderId="28" xfId="3" applyFont="1" applyBorder="1" applyAlignment="1">
      <alignment horizontal="left" vertical="center"/>
    </xf>
    <xf numFmtId="0" fontId="7" fillId="0" borderId="17" xfId="0" applyFont="1" applyBorder="1" applyAlignment="1">
      <alignment horizontal="left" vertical="center" wrapText="1"/>
    </xf>
    <xf numFmtId="0" fontId="0" fillId="0" borderId="25" xfId="3" applyFont="1" applyBorder="1" applyAlignment="1">
      <alignment horizontal="left" vertical="center" wrapText="1"/>
    </xf>
    <xf numFmtId="0" fontId="1" fillId="0" borderId="25" xfId="3" applyFont="1" applyBorder="1" applyAlignment="1">
      <alignment horizontal="left" vertical="center" wrapText="1"/>
    </xf>
    <xf numFmtId="0" fontId="1" fillId="0" borderId="0" xfId="3" applyFont="1" applyAlignment="1">
      <alignment vertical="top" wrapText="1"/>
    </xf>
    <xf numFmtId="0" fontId="1" fillId="0" borderId="13" xfId="3" applyFont="1" applyBorder="1" applyAlignment="1">
      <alignment horizontal="center" vertical="center" wrapText="1"/>
    </xf>
    <xf numFmtId="0" fontId="1" fillId="0" borderId="13" xfId="0" applyFont="1" applyBorder="1" applyAlignment="1">
      <alignment horizontal="center" vertical="center" wrapText="1"/>
    </xf>
    <xf numFmtId="0" fontId="1" fillId="0" borderId="9" xfId="0" applyFont="1" applyBorder="1" applyAlignment="1">
      <alignment horizontal="center" vertical="center" wrapText="1"/>
    </xf>
    <xf numFmtId="0" fontId="1" fillId="0" borderId="11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/>
    </xf>
    <xf numFmtId="0" fontId="1" fillId="0" borderId="10" xfId="0" applyFont="1" applyBorder="1">
      <alignment vertical="center"/>
    </xf>
    <xf numFmtId="0" fontId="1" fillId="0" borderId="11" xfId="0" applyFont="1" applyBorder="1">
      <alignment vertical="center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8" fillId="0" borderId="0" xfId="3" applyFont="1" applyAlignment="1">
      <alignment horizontal="center" vertical="center"/>
    </xf>
    <xf numFmtId="0" fontId="3" fillId="0" borderId="21" xfId="2" applyFont="1" applyFill="1" applyBorder="1" applyAlignment="1">
      <alignment horizontal="center" vertical="center"/>
    </xf>
    <xf numFmtId="0" fontId="3" fillId="0" borderId="16" xfId="2" applyFont="1" applyFill="1" applyBorder="1" applyAlignment="1">
      <alignment horizontal="center" vertical="center"/>
    </xf>
    <xf numFmtId="0" fontId="3" fillId="0" borderId="18" xfId="2" applyFont="1" applyFill="1" applyBorder="1" applyAlignment="1">
      <alignment horizontal="center" vertical="center"/>
    </xf>
    <xf numFmtId="0" fontId="1" fillId="0" borderId="35" xfId="3" applyFont="1" applyBorder="1" applyAlignment="1">
      <alignment horizontal="left" vertical="center"/>
    </xf>
    <xf numFmtId="0" fontId="1" fillId="0" borderId="36" xfId="3" applyFont="1" applyBorder="1" applyAlignment="1">
      <alignment horizontal="left" vertical="center"/>
    </xf>
    <xf numFmtId="0" fontId="1" fillId="0" borderId="37" xfId="3" applyFont="1" applyBorder="1" applyAlignment="1">
      <alignment horizontal="left" vertical="center"/>
    </xf>
  </cellXfs>
  <cellStyles count="4">
    <cellStyle name="桁区切り" xfId="1" builtinId="6"/>
    <cellStyle name="標準" xfId="0" builtinId="0"/>
    <cellStyle name="標準_◆【別紙1-1、1-2】計画書" xfId="2"/>
    <cellStyle name="標準_◆【別紙様式5】分娩手当所要額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47624</xdr:colOff>
      <xdr:row>0</xdr:row>
      <xdr:rowOff>57150</xdr:rowOff>
    </xdr:from>
    <xdr:to>
      <xdr:col>1</xdr:col>
      <xdr:colOff>1495425</xdr:colOff>
      <xdr:row>1</xdr:row>
      <xdr:rowOff>9525</xdr:rowOff>
    </xdr:to>
    <xdr:sp macro="" textlink="">
      <xdr:nvSpPr>
        <xdr:cNvPr id="2" name="Text Box 39"/>
        <xdr:cNvSpPr txBox="1">
          <a:spLocks noChangeArrowheads="1"/>
        </xdr:cNvSpPr>
      </xdr:nvSpPr>
      <xdr:spPr bwMode="auto">
        <a:xfrm>
          <a:off x="352424" y="57150"/>
          <a:ext cx="1447801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別紙１－１　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【</a:t>
          </a: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様式１関係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】</a:t>
          </a:r>
          <a:endParaRPr lang="ja-JP" altLang="en-US" sz="1000" b="0" i="0" u="none" strike="noStrike" baseline="0">
            <a:solidFill>
              <a:srgbClr val="000000"/>
            </a:solidFill>
            <a:latin typeface="ＭＳ Ｐ明朝"/>
            <a:ea typeface="ＭＳ Ｐ明朝"/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47624</xdr:colOff>
      <xdr:row>0</xdr:row>
      <xdr:rowOff>125730</xdr:rowOff>
    </xdr:from>
    <xdr:to>
      <xdr:col>2</xdr:col>
      <xdr:colOff>967739</xdr:colOff>
      <xdr:row>0</xdr:row>
      <xdr:rowOff>295367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245744" y="125730"/>
          <a:ext cx="1514475" cy="16963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別紙１－２　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【</a:t>
          </a: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様式１関係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】</a:t>
          </a:r>
          <a:endParaRPr lang="ja-JP" altLang="en-US" sz="1000" b="0" i="0" u="none" strike="noStrike" baseline="0">
            <a:solidFill>
              <a:srgbClr val="000000"/>
            </a:solidFill>
            <a:latin typeface="ＭＳ Ｐ明朝"/>
            <a:ea typeface="ＭＳ Ｐ明朝"/>
          </a:endParaRP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47624</xdr:colOff>
      <xdr:row>0</xdr:row>
      <xdr:rowOff>38100</xdr:rowOff>
    </xdr:from>
    <xdr:to>
      <xdr:col>2</xdr:col>
      <xdr:colOff>468659</xdr:colOff>
      <xdr:row>1</xdr:row>
      <xdr:rowOff>1</xdr:rowOff>
    </xdr:to>
    <xdr:sp macro="" textlink="">
      <xdr:nvSpPr>
        <xdr:cNvPr id="37889" name="Text Box 1"/>
        <xdr:cNvSpPr txBox="1">
          <a:spLocks noChangeArrowheads="1"/>
        </xdr:cNvSpPr>
      </xdr:nvSpPr>
      <xdr:spPr bwMode="auto">
        <a:xfrm>
          <a:off x="47624" y="38100"/>
          <a:ext cx="1457325" cy="200026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別紙１－３　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【</a:t>
          </a: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様式１関係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】</a:t>
          </a:r>
          <a:endParaRPr lang="ja-JP" altLang="en-US" sz="1000" b="0" i="0" u="none" strike="noStrike" baseline="0">
            <a:solidFill>
              <a:srgbClr val="000000"/>
            </a:solidFill>
            <a:latin typeface="ＭＳ Ｐ明朝"/>
            <a:ea typeface="ＭＳ Ｐ明朝"/>
          </a:endParaRP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57150</xdr:colOff>
      <xdr:row>0</xdr:row>
      <xdr:rowOff>66674</xdr:rowOff>
    </xdr:from>
    <xdr:to>
      <xdr:col>1</xdr:col>
      <xdr:colOff>1535430</xdr:colOff>
      <xdr:row>1</xdr:row>
      <xdr:rowOff>9524</xdr:rowOff>
    </xdr:to>
    <xdr:sp macro="" textlink="">
      <xdr:nvSpPr>
        <xdr:cNvPr id="2" name="Text Box 39"/>
        <xdr:cNvSpPr txBox="1">
          <a:spLocks noChangeArrowheads="1"/>
        </xdr:cNvSpPr>
      </xdr:nvSpPr>
      <xdr:spPr bwMode="auto">
        <a:xfrm>
          <a:off x="361950" y="66674"/>
          <a:ext cx="1485900" cy="2000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別紙２－１　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【</a:t>
          </a: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様式２関係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】</a:t>
          </a:r>
          <a:endParaRPr lang="ja-JP" altLang="en-US" sz="1000" b="0" i="0" u="none" strike="noStrike" baseline="0">
            <a:solidFill>
              <a:srgbClr val="000000"/>
            </a:solidFill>
            <a:latin typeface="ＭＳ Ｐ明朝"/>
            <a:ea typeface="ＭＳ Ｐ明朝"/>
          </a:endParaRPr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47624</xdr:colOff>
      <xdr:row>0</xdr:row>
      <xdr:rowOff>125730</xdr:rowOff>
    </xdr:from>
    <xdr:to>
      <xdr:col>2</xdr:col>
      <xdr:colOff>967739</xdr:colOff>
      <xdr:row>0</xdr:row>
      <xdr:rowOff>295367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245744" y="125730"/>
          <a:ext cx="1514475" cy="16963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別紙２－２　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【</a:t>
          </a: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様式２関係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】</a:t>
          </a:r>
          <a:endParaRPr lang="ja-JP" altLang="en-US" sz="1000" b="0" i="0" u="none" strike="noStrike" baseline="0">
            <a:solidFill>
              <a:srgbClr val="000000"/>
            </a:solidFill>
            <a:latin typeface="ＭＳ Ｐ明朝"/>
            <a:ea typeface="ＭＳ Ｐ明朝"/>
          </a:endParaRPr>
        </a:p>
      </xdr:txBody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47625</xdr:colOff>
      <xdr:row>0</xdr:row>
      <xdr:rowOff>38100</xdr:rowOff>
    </xdr:from>
    <xdr:to>
      <xdr:col>2</xdr:col>
      <xdr:colOff>581025</xdr:colOff>
      <xdr:row>0</xdr:row>
      <xdr:rowOff>228600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47625" y="38100"/>
          <a:ext cx="1562100" cy="1905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別紙２－３　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【</a:t>
          </a: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様式２関係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】</a:t>
          </a:r>
          <a:endParaRPr lang="ja-JP" altLang="en-US" sz="1000" b="0" i="0" u="none" strike="noStrike" baseline="0">
            <a:solidFill>
              <a:srgbClr val="000000"/>
            </a:solidFill>
            <a:latin typeface="ＭＳ Ｐ明朝"/>
            <a:ea typeface="ＭＳ Ｐ明朝"/>
          </a:endParaRPr>
        </a:p>
      </xdr:txBody>
    </xdr:sp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49530</xdr:colOff>
      <xdr:row>0</xdr:row>
      <xdr:rowOff>76201</xdr:rowOff>
    </xdr:from>
    <xdr:to>
      <xdr:col>1</xdr:col>
      <xdr:colOff>1525905</xdr:colOff>
      <xdr:row>0</xdr:row>
      <xdr:rowOff>247651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361950" y="76201"/>
          <a:ext cx="1476375" cy="1714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別紙５－１　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【</a:t>
          </a: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様式５関係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】</a:t>
          </a:r>
          <a:endParaRPr lang="ja-JP" altLang="en-US" sz="1000" b="0" i="0" u="none" strike="noStrike" baseline="0">
            <a:solidFill>
              <a:srgbClr val="000000"/>
            </a:solidFill>
            <a:latin typeface="ＭＳ Ｐ明朝"/>
            <a:ea typeface="ＭＳ Ｐ明朝"/>
          </a:endParaRPr>
        </a:p>
      </xdr:txBody>
    </xdr:sp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47624</xdr:colOff>
      <xdr:row>0</xdr:row>
      <xdr:rowOff>125730</xdr:rowOff>
    </xdr:from>
    <xdr:to>
      <xdr:col>2</xdr:col>
      <xdr:colOff>967739</xdr:colOff>
      <xdr:row>0</xdr:row>
      <xdr:rowOff>295367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245744" y="125730"/>
          <a:ext cx="1514475" cy="16963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別紙５－２　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【</a:t>
          </a: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様式５関係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】</a:t>
          </a:r>
          <a:endParaRPr lang="ja-JP" altLang="en-US" sz="1000" b="0" i="0" u="none" strike="noStrike" baseline="0">
            <a:solidFill>
              <a:srgbClr val="000000"/>
            </a:solidFill>
            <a:latin typeface="ＭＳ Ｐ明朝"/>
            <a:ea typeface="ＭＳ Ｐ明朝"/>
          </a:endParaRPr>
        </a:p>
      </xdr:txBody>
    </xdr:sp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47624</xdr:colOff>
      <xdr:row>0</xdr:row>
      <xdr:rowOff>38099</xdr:rowOff>
    </xdr:from>
    <xdr:to>
      <xdr:col>2</xdr:col>
      <xdr:colOff>571500</xdr:colOff>
      <xdr:row>1</xdr:row>
      <xdr:rowOff>9525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47624" y="38099"/>
          <a:ext cx="1552576" cy="209551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別紙５－３　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【</a:t>
          </a: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様式５関係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】</a:t>
          </a:r>
          <a:endParaRPr lang="ja-JP" altLang="en-US" sz="1000" b="0" i="0" u="none" strike="noStrike" baseline="0">
            <a:solidFill>
              <a:srgbClr val="000000"/>
            </a:solidFill>
            <a:latin typeface="ＭＳ Ｐ明朝"/>
            <a:ea typeface="ＭＳ Ｐ明朝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.xml"/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J16"/>
  <sheetViews>
    <sheetView tabSelected="1" view="pageBreakPreview" zoomScaleNormal="100" zoomScaleSheetLayoutView="100" workbookViewId="0">
      <selection activeCell="G11" sqref="G11"/>
    </sheetView>
  </sheetViews>
  <sheetFormatPr defaultColWidth="12.59765625" defaultRowHeight="24" customHeight="1"/>
  <cols>
    <col min="1" max="1" width="4" style="2" customWidth="1"/>
    <col min="2" max="2" width="24.19921875" style="2" customWidth="1"/>
    <col min="3" max="9" width="15" style="2" customWidth="1"/>
    <col min="10" max="10" width="14.5" style="2" customWidth="1"/>
    <col min="11" max="11" width="16.3984375" style="2" customWidth="1"/>
    <col min="12" max="16384" width="12.59765625" style="2"/>
  </cols>
  <sheetData>
    <row r="1" spans="2:10" ht="20.25" customHeight="1"/>
    <row r="2" spans="2:10" s="13" customFormat="1" ht="30" customHeight="1">
      <c r="B2" s="87" t="s">
        <v>42</v>
      </c>
      <c r="C2" s="87"/>
      <c r="D2" s="87"/>
      <c r="E2" s="87"/>
      <c r="F2" s="87"/>
      <c r="G2" s="87"/>
      <c r="H2" s="87"/>
      <c r="I2" s="87"/>
    </row>
    <row r="3" spans="2:10" ht="24" customHeight="1">
      <c r="G3" s="16" t="s">
        <v>40</v>
      </c>
      <c r="H3" s="3"/>
      <c r="I3" s="3"/>
      <c r="J3" s="4"/>
    </row>
    <row r="4" spans="2:10" ht="7.5" customHeight="1" thickBot="1"/>
    <row r="5" spans="2:10" ht="24" customHeight="1">
      <c r="B5" s="88" t="s">
        <v>40</v>
      </c>
      <c r="C5" s="90" t="s">
        <v>31</v>
      </c>
      <c r="D5" s="90" t="s">
        <v>32</v>
      </c>
      <c r="E5" s="88" t="s">
        <v>22</v>
      </c>
      <c r="F5" s="90" t="s">
        <v>33</v>
      </c>
      <c r="G5" s="90" t="s">
        <v>34</v>
      </c>
      <c r="H5" s="83" t="s">
        <v>35</v>
      </c>
      <c r="I5" s="85" t="s">
        <v>36</v>
      </c>
    </row>
    <row r="6" spans="2:10" ht="24" customHeight="1">
      <c r="B6" s="89"/>
      <c r="C6" s="91"/>
      <c r="D6" s="89"/>
      <c r="E6" s="89"/>
      <c r="F6" s="91"/>
      <c r="G6" s="91"/>
      <c r="H6" s="84"/>
      <c r="I6" s="86"/>
    </row>
    <row r="7" spans="2:10" ht="24" customHeight="1">
      <c r="B7" s="89"/>
      <c r="C7" s="91"/>
      <c r="D7" s="89"/>
      <c r="E7" s="89"/>
      <c r="F7" s="91"/>
      <c r="G7" s="91"/>
      <c r="H7" s="84"/>
      <c r="I7" s="86"/>
    </row>
    <row r="8" spans="2:10" ht="24" customHeight="1">
      <c r="B8" s="89"/>
      <c r="C8" s="91"/>
      <c r="D8" s="89"/>
      <c r="E8" s="89"/>
      <c r="F8" s="91"/>
      <c r="G8" s="91"/>
      <c r="H8" s="84"/>
      <c r="I8" s="86"/>
    </row>
    <row r="9" spans="2:10" ht="24" customHeight="1">
      <c r="B9" s="30"/>
      <c r="C9" s="6" t="s">
        <v>10</v>
      </c>
      <c r="D9" s="6" t="s">
        <v>11</v>
      </c>
      <c r="E9" s="6" t="s">
        <v>12</v>
      </c>
      <c r="F9" s="6" t="s">
        <v>13</v>
      </c>
      <c r="G9" s="6"/>
      <c r="H9" s="8" t="s">
        <v>14</v>
      </c>
      <c r="I9" s="9" t="s">
        <v>15</v>
      </c>
    </row>
    <row r="10" spans="2:10" ht="13.5" customHeight="1">
      <c r="B10" s="5"/>
      <c r="C10" s="7" t="s">
        <v>0</v>
      </c>
      <c r="D10" s="7" t="s">
        <v>0</v>
      </c>
      <c r="E10" s="7" t="s">
        <v>0</v>
      </c>
      <c r="F10" s="7" t="s">
        <v>0</v>
      </c>
      <c r="G10" s="7" t="s">
        <v>0</v>
      </c>
      <c r="H10" s="10"/>
      <c r="I10" s="55" t="s">
        <v>9</v>
      </c>
    </row>
    <row r="11" spans="2:10" ht="139.5" customHeight="1" thickBot="1">
      <c r="B11" s="46"/>
      <c r="C11" s="47">
        <v>9000000</v>
      </c>
      <c r="D11" s="35"/>
      <c r="E11" s="35"/>
      <c r="F11" s="35"/>
      <c r="G11" s="81" t="s">
        <v>65</v>
      </c>
      <c r="H11" s="56" t="s">
        <v>41</v>
      </c>
      <c r="I11" s="45"/>
    </row>
    <row r="12" spans="2:10" ht="12.75" customHeight="1"/>
    <row r="13" spans="2:10" ht="17.25" customHeight="1">
      <c r="B13" s="2" t="s">
        <v>21</v>
      </c>
    </row>
    <row r="14" spans="2:10" ht="15.75" customHeight="1">
      <c r="B14" s="2" t="s">
        <v>23</v>
      </c>
    </row>
    <row r="15" spans="2:10" ht="15.75" customHeight="1"/>
    <row r="16" spans="2:10" ht="15.75" customHeight="1"/>
  </sheetData>
  <mergeCells count="9">
    <mergeCell ref="H5:H8"/>
    <mergeCell ref="I5:I8"/>
    <mergeCell ref="B2:I2"/>
    <mergeCell ref="B5:B8"/>
    <mergeCell ref="E5:E8"/>
    <mergeCell ref="C5:C8"/>
    <mergeCell ref="D5:D8"/>
    <mergeCell ref="F5:F8"/>
    <mergeCell ref="G5:G8"/>
  </mergeCells>
  <phoneticPr fontId="2"/>
  <printOptions horizontalCentered="1"/>
  <pageMargins left="0.39370078740157483" right="0.39370078740157483" top="0.78740157480314965" bottom="0.39370078740157483" header="0.51181102362204722" footer="0.21"/>
  <pageSetup paperSize="9" orientation="landscape" horizontalDpi="300" verticalDpi="300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27"/>
  <sheetViews>
    <sheetView view="pageBreakPreview" zoomScaleNormal="100" zoomScaleSheetLayoutView="100" workbookViewId="0">
      <selection activeCell="G16" sqref="G16"/>
    </sheetView>
  </sheetViews>
  <sheetFormatPr defaultColWidth="2.59765625" defaultRowHeight="14.4"/>
  <cols>
    <col min="1" max="1" width="2.59765625" style="59" customWidth="1"/>
    <col min="2" max="2" width="7.796875" style="59" customWidth="1"/>
    <col min="3" max="3" width="20.19921875" style="59" customWidth="1"/>
    <col min="4" max="4" width="13.5" style="59" customWidth="1"/>
    <col min="5" max="5" width="10.296875" style="59" customWidth="1"/>
    <col min="6" max="6" width="16.69921875" style="59" customWidth="1"/>
    <col min="7" max="7" width="18.3984375" style="59" customWidth="1"/>
    <col min="8" max="8" width="19.8984375" style="59" customWidth="1"/>
    <col min="9" max="16384" width="2.59765625" style="59"/>
  </cols>
  <sheetData>
    <row r="1" spans="1:8" ht="34.200000000000003" customHeight="1"/>
    <row r="2" spans="1:8" s="60" customFormat="1" ht="28.2" customHeight="1">
      <c r="B2" s="92" t="s">
        <v>62</v>
      </c>
      <c r="C2" s="92"/>
      <c r="D2" s="92"/>
      <c r="E2" s="92"/>
      <c r="F2" s="92"/>
      <c r="G2" s="92"/>
      <c r="H2" s="92"/>
    </row>
    <row r="3" spans="1:8" s="61" customFormat="1" ht="9" customHeight="1"/>
    <row r="4" spans="1:8" s="61" customFormat="1" ht="36.6" customHeight="1">
      <c r="G4" s="98" t="s">
        <v>60</v>
      </c>
      <c r="H4" s="99"/>
    </row>
    <row r="5" spans="1:8" s="62" customFormat="1" ht="15" customHeight="1">
      <c r="F5" s="63"/>
    </row>
    <row r="6" spans="1:8" s="62" customFormat="1" ht="33" customHeight="1" thickBot="1">
      <c r="B6" s="96" t="s">
        <v>61</v>
      </c>
      <c r="C6" s="97"/>
      <c r="D6" s="97"/>
      <c r="E6" s="97"/>
      <c r="F6" s="63"/>
    </row>
    <row r="7" spans="1:8" s="62" customFormat="1" ht="34.950000000000003" customHeight="1">
      <c r="B7" s="76"/>
      <c r="C7" s="100" t="s">
        <v>55</v>
      </c>
      <c r="D7" s="100"/>
      <c r="E7" s="100"/>
      <c r="F7" s="100"/>
      <c r="G7" s="100"/>
      <c r="H7" s="101"/>
    </row>
    <row r="8" spans="1:8" s="62" customFormat="1" ht="34.950000000000003" customHeight="1">
      <c r="B8" s="77"/>
      <c r="C8" s="102" t="s">
        <v>56</v>
      </c>
      <c r="D8" s="103"/>
      <c r="E8" s="103"/>
      <c r="F8" s="103"/>
      <c r="G8" s="103"/>
      <c r="H8" s="104"/>
    </row>
    <row r="9" spans="1:8" s="62" customFormat="1" ht="34.950000000000003" customHeight="1" thickBot="1">
      <c r="B9" s="78"/>
      <c r="C9" s="122" t="s">
        <v>57</v>
      </c>
      <c r="D9" s="123"/>
      <c r="E9" s="123"/>
      <c r="F9" s="123"/>
      <c r="G9" s="123"/>
      <c r="H9" s="124"/>
    </row>
    <row r="10" spans="1:8" s="62" customFormat="1" ht="11.4" customHeight="1">
      <c r="F10" s="63"/>
    </row>
    <row r="11" spans="1:8" s="62" customFormat="1" ht="29.4" customHeight="1">
      <c r="A11" s="64"/>
      <c r="B11" s="96" t="s">
        <v>58</v>
      </c>
      <c r="C11" s="97"/>
      <c r="D11" s="97"/>
      <c r="E11" s="97"/>
      <c r="F11" s="65"/>
      <c r="G11" s="65"/>
      <c r="H11" s="65"/>
    </row>
    <row r="12" spans="1:8" s="62" customFormat="1" ht="30" customHeight="1">
      <c r="A12" s="64"/>
      <c r="B12" s="109" t="s">
        <v>43</v>
      </c>
      <c r="C12" s="109"/>
      <c r="D12" s="66" t="s">
        <v>44</v>
      </c>
      <c r="E12" s="66" t="s">
        <v>45</v>
      </c>
      <c r="F12" s="66" t="s">
        <v>46</v>
      </c>
      <c r="G12" s="67" t="s">
        <v>47</v>
      </c>
      <c r="H12" s="67" t="s">
        <v>48</v>
      </c>
    </row>
    <row r="13" spans="1:8" s="62" customFormat="1" ht="30" customHeight="1">
      <c r="A13" s="64"/>
      <c r="B13" s="110"/>
      <c r="C13" s="110"/>
      <c r="D13" s="68"/>
      <c r="E13" s="68"/>
      <c r="F13" s="69" t="s">
        <v>0</v>
      </c>
      <c r="G13" s="70"/>
      <c r="H13" s="68"/>
    </row>
    <row r="14" spans="1:8" s="62" customFormat="1" ht="30" customHeight="1">
      <c r="A14" s="64"/>
      <c r="B14" s="111"/>
      <c r="C14" s="112"/>
      <c r="D14" s="68"/>
      <c r="E14" s="68"/>
      <c r="F14" s="69"/>
      <c r="G14" s="70"/>
      <c r="H14" s="68"/>
    </row>
    <row r="15" spans="1:8" s="62" customFormat="1" ht="30" customHeight="1">
      <c r="A15" s="64"/>
      <c r="B15" s="110"/>
      <c r="C15" s="110"/>
      <c r="D15" s="68"/>
      <c r="E15" s="68"/>
      <c r="F15" s="68"/>
      <c r="G15" s="70"/>
      <c r="H15" s="68"/>
    </row>
    <row r="16" spans="1:8" s="62" customFormat="1" ht="30" customHeight="1">
      <c r="A16" s="64"/>
      <c r="B16" s="110"/>
      <c r="C16" s="110"/>
      <c r="D16" s="68"/>
      <c r="E16" s="68"/>
      <c r="F16" s="68"/>
      <c r="G16" s="70"/>
      <c r="H16" s="68"/>
    </row>
    <row r="17" spans="1:11" s="62" customFormat="1" ht="30" customHeight="1">
      <c r="A17" s="64"/>
      <c r="B17" s="110" t="s">
        <v>49</v>
      </c>
      <c r="C17" s="110"/>
      <c r="D17" s="110"/>
      <c r="E17" s="110"/>
      <c r="F17" s="68">
        <f>+SUM(F13:F16)</f>
        <v>0</v>
      </c>
      <c r="G17" s="70"/>
      <c r="H17" s="68"/>
    </row>
    <row r="18" spans="1:11" s="62" customFormat="1" ht="64.8" customHeight="1">
      <c r="A18" s="64"/>
      <c r="B18" s="105" t="s">
        <v>66</v>
      </c>
      <c r="C18" s="105"/>
      <c r="D18" s="105"/>
      <c r="E18" s="105"/>
      <c r="F18" s="105"/>
      <c r="G18" s="105"/>
      <c r="H18" s="105"/>
    </row>
    <row r="19" spans="1:11" s="62" customFormat="1" ht="15" customHeight="1">
      <c r="A19" s="64"/>
      <c r="B19" s="71"/>
      <c r="C19" s="71"/>
      <c r="D19" s="71"/>
      <c r="E19" s="71"/>
      <c r="F19" s="71"/>
      <c r="G19" s="72"/>
      <c r="H19" s="71"/>
    </row>
    <row r="20" spans="1:11" s="62" customFormat="1" ht="26.4" customHeight="1">
      <c r="A20" s="64"/>
      <c r="B20" s="96" t="s">
        <v>59</v>
      </c>
      <c r="C20" s="97"/>
      <c r="D20" s="97"/>
      <c r="E20" s="97"/>
      <c r="F20" s="71"/>
      <c r="G20" s="72"/>
      <c r="H20" s="71"/>
    </row>
    <row r="21" spans="1:11" s="62" customFormat="1" ht="22.5" customHeight="1" thickBot="1">
      <c r="A21" s="64"/>
      <c r="B21" s="106" t="s">
        <v>67</v>
      </c>
      <c r="C21" s="106"/>
      <c r="D21" s="106"/>
      <c r="E21" s="106"/>
      <c r="F21" s="106"/>
      <c r="G21" s="72"/>
      <c r="H21" s="71"/>
      <c r="J21" s="64"/>
    </row>
    <row r="22" spans="1:11" s="62" customFormat="1" ht="92.4" customHeight="1" thickBot="1">
      <c r="A22" s="64"/>
      <c r="B22" s="93"/>
      <c r="C22" s="94"/>
      <c r="D22" s="94"/>
      <c r="E22" s="94"/>
      <c r="F22" s="94"/>
      <c r="G22" s="94"/>
      <c r="H22" s="95"/>
      <c r="I22" s="79"/>
      <c r="J22" s="73"/>
      <c r="K22" s="64"/>
    </row>
    <row r="23" spans="1:11" s="62" customFormat="1" ht="8.4" customHeight="1">
      <c r="A23" s="64"/>
      <c r="B23" s="73"/>
      <c r="C23" s="73"/>
      <c r="D23" s="73"/>
      <c r="E23" s="73"/>
      <c r="F23" s="73"/>
      <c r="G23" s="73"/>
      <c r="H23" s="73"/>
      <c r="I23" s="64"/>
      <c r="J23" s="64"/>
    </row>
    <row r="24" spans="1:11" s="62" customFormat="1" ht="22.2" customHeight="1" thickBot="1">
      <c r="A24" s="64"/>
      <c r="B24" s="106" t="s">
        <v>68</v>
      </c>
      <c r="C24" s="107"/>
      <c r="D24" s="107"/>
      <c r="E24" s="107"/>
      <c r="F24" s="107"/>
      <c r="G24" s="72"/>
      <c r="H24" s="71"/>
      <c r="J24" s="64"/>
    </row>
    <row r="25" spans="1:11" s="62" customFormat="1" ht="93" customHeight="1" thickBot="1">
      <c r="A25" s="64"/>
      <c r="B25" s="93"/>
      <c r="C25" s="94"/>
      <c r="D25" s="94"/>
      <c r="E25" s="94"/>
      <c r="F25" s="94"/>
      <c r="G25" s="94"/>
      <c r="H25" s="95"/>
      <c r="I25" s="79"/>
      <c r="J25" s="73"/>
      <c r="K25" s="64"/>
    </row>
    <row r="26" spans="1:11" s="61" customFormat="1">
      <c r="I26" s="80"/>
    </row>
    <row r="27" spans="1:11" ht="53.25" customHeight="1">
      <c r="B27" s="108"/>
      <c r="C27" s="108"/>
      <c r="D27" s="108"/>
      <c r="E27" s="108"/>
      <c r="F27" s="108"/>
      <c r="G27" s="108"/>
      <c r="H27" s="108"/>
    </row>
  </sheetData>
  <mergeCells count="20">
    <mergeCell ref="B27:H27"/>
    <mergeCell ref="B11:E11"/>
    <mergeCell ref="B12:C12"/>
    <mergeCell ref="B13:C13"/>
    <mergeCell ref="B15:C15"/>
    <mergeCell ref="B16:C16"/>
    <mergeCell ref="B17:E17"/>
    <mergeCell ref="B14:C14"/>
    <mergeCell ref="B20:E20"/>
    <mergeCell ref="B2:H2"/>
    <mergeCell ref="B22:H22"/>
    <mergeCell ref="B25:H25"/>
    <mergeCell ref="B6:E6"/>
    <mergeCell ref="G4:H4"/>
    <mergeCell ref="C7:H7"/>
    <mergeCell ref="C9:H9"/>
    <mergeCell ref="C8:H8"/>
    <mergeCell ref="B18:H18"/>
    <mergeCell ref="B21:F21"/>
    <mergeCell ref="B24:F24"/>
  </mergeCells>
  <phoneticPr fontId="2"/>
  <dataValidations count="1">
    <dataValidation type="list" allowBlank="1" showInputMessage="1" showErrorMessage="1" sqref="B7:B9">
      <formula1>"○"</formula1>
    </dataValidation>
  </dataValidations>
  <pageMargins left="0.78740157480314965" right="0.78740157480314965" top="0.78740157480314965" bottom="0.39370078740157483" header="0.51181102362204722" footer="0.19685039370078741"/>
  <pageSetup paperSize="9" scale="70" orientation="portrait" horizontalDpi="300" verticalDpi="300" r:id="rId1"/>
  <headerFooter alignWithMargins="0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9"/>
  <sheetViews>
    <sheetView view="pageBreakPreview" zoomScaleNormal="100" workbookViewId="0">
      <selection activeCell="A39" sqref="A39"/>
    </sheetView>
  </sheetViews>
  <sheetFormatPr defaultRowHeight="14.4"/>
  <cols>
    <col min="1" max="1" width="6.59765625" customWidth="1"/>
    <col min="2" max="2" width="6.8984375" customWidth="1"/>
    <col min="3" max="3" width="20.69921875" customWidth="1"/>
    <col min="4" max="4" width="15.3984375" style="44" customWidth="1"/>
    <col min="5" max="5" width="10.5" customWidth="1"/>
  </cols>
  <sheetData>
    <row r="1" spans="1:12" s="1" customFormat="1" ht="18.75" customHeight="1">
      <c r="D1" s="36"/>
    </row>
    <row r="2" spans="1:12" s="12" customFormat="1" ht="20.25" customHeight="1">
      <c r="A2" s="118" t="s">
        <v>50</v>
      </c>
      <c r="B2" s="118"/>
      <c r="C2" s="118"/>
      <c r="D2" s="118"/>
      <c r="E2" s="118"/>
      <c r="F2" s="118"/>
      <c r="G2" s="118"/>
      <c r="H2" s="11"/>
      <c r="I2" s="11"/>
      <c r="J2" s="11"/>
      <c r="K2" s="11"/>
      <c r="L2" s="11"/>
    </row>
    <row r="3" spans="1:12" s="31" customFormat="1" ht="9" customHeight="1">
      <c r="D3" s="37"/>
      <c r="E3" s="32"/>
      <c r="F3" s="32"/>
      <c r="G3" s="32"/>
    </row>
    <row r="4" spans="1:12" s="31" customFormat="1" ht="18" customHeight="1">
      <c r="D4" s="38"/>
      <c r="E4" s="16" t="s">
        <v>40</v>
      </c>
      <c r="F4" s="33"/>
      <c r="G4" s="33"/>
    </row>
    <row r="5" spans="1:12" s="34" customFormat="1" ht="9" customHeight="1">
      <c r="D5" s="39"/>
    </row>
    <row r="6" spans="1:12" s="14" customFormat="1" ht="15" customHeight="1">
      <c r="A6" s="14" t="s">
        <v>1</v>
      </c>
    </row>
    <row r="7" spans="1:12" s="17" customFormat="1" ht="15" customHeight="1">
      <c r="A7" s="113" t="s">
        <v>2</v>
      </c>
      <c r="B7" s="116"/>
      <c r="C7" s="117"/>
      <c r="D7" s="40" t="s">
        <v>3</v>
      </c>
      <c r="E7" s="113" t="s">
        <v>4</v>
      </c>
      <c r="F7" s="116"/>
      <c r="G7" s="117"/>
    </row>
    <row r="8" spans="1:12" s="21" customFormat="1" ht="15" customHeight="1">
      <c r="A8" s="18"/>
      <c r="B8" s="19"/>
      <c r="C8" s="20"/>
      <c r="D8" s="41" t="s">
        <v>0</v>
      </c>
      <c r="E8" s="18"/>
      <c r="F8" s="19"/>
      <c r="G8" s="20"/>
    </row>
    <row r="9" spans="1:12" s="21" customFormat="1" ht="15" customHeight="1">
      <c r="A9" s="22"/>
      <c r="B9" s="19"/>
      <c r="C9" s="20"/>
      <c r="D9" s="42"/>
      <c r="E9" s="18"/>
      <c r="F9" s="19"/>
      <c r="G9" s="20"/>
    </row>
    <row r="10" spans="1:12" s="21" customFormat="1" ht="15" customHeight="1">
      <c r="A10" s="22"/>
      <c r="D10" s="42"/>
      <c r="E10" s="18"/>
      <c r="F10" s="19"/>
      <c r="G10" s="20"/>
    </row>
    <row r="11" spans="1:12" s="21" customFormat="1" ht="15" customHeight="1">
      <c r="A11" s="22"/>
      <c r="D11" s="42"/>
      <c r="E11" s="18"/>
      <c r="F11" s="19"/>
      <c r="G11" s="20"/>
    </row>
    <row r="12" spans="1:12" s="21" customFormat="1" ht="15" customHeight="1">
      <c r="A12" s="22"/>
      <c r="B12" s="19"/>
      <c r="D12" s="42"/>
      <c r="E12" s="18"/>
      <c r="F12" s="19"/>
      <c r="G12" s="20"/>
    </row>
    <row r="13" spans="1:12" s="21" customFormat="1" ht="15" customHeight="1">
      <c r="A13" s="22"/>
      <c r="B13" s="19"/>
      <c r="D13" s="42"/>
      <c r="E13" s="18"/>
      <c r="F13" s="19"/>
      <c r="G13" s="20"/>
    </row>
    <row r="14" spans="1:12" s="21" customFormat="1" ht="15" customHeight="1">
      <c r="A14" s="22"/>
      <c r="B14" s="19"/>
      <c r="D14" s="42"/>
      <c r="E14" s="18"/>
      <c r="F14" s="19"/>
      <c r="G14" s="20"/>
    </row>
    <row r="15" spans="1:12" s="21" customFormat="1" ht="15" customHeight="1">
      <c r="A15" s="22"/>
      <c r="B15" s="19"/>
      <c r="C15" s="19"/>
      <c r="D15" s="42"/>
      <c r="E15" s="18"/>
      <c r="F15" s="19"/>
      <c r="G15" s="20"/>
    </row>
    <row r="16" spans="1:12" s="21" customFormat="1" ht="15" customHeight="1">
      <c r="A16" s="18"/>
      <c r="B16" s="19"/>
      <c r="D16" s="42"/>
      <c r="E16" s="18"/>
      <c r="F16" s="19"/>
      <c r="G16" s="20"/>
    </row>
    <row r="17" spans="1:7" s="21" customFormat="1" ht="15" customHeight="1">
      <c r="A17" s="18"/>
      <c r="B17" s="19"/>
      <c r="D17" s="42"/>
      <c r="E17" s="18"/>
      <c r="F17" s="19"/>
      <c r="G17" s="20"/>
    </row>
    <row r="18" spans="1:7" s="21" customFormat="1" ht="15" customHeight="1">
      <c r="A18" s="18"/>
      <c r="B18" s="19"/>
      <c r="D18" s="42"/>
      <c r="E18" s="18"/>
      <c r="F18" s="19"/>
      <c r="G18" s="20"/>
    </row>
    <row r="19" spans="1:7" s="21" customFormat="1" ht="15" customHeight="1">
      <c r="A19" s="18"/>
      <c r="B19" s="19"/>
      <c r="D19" s="42"/>
      <c r="E19" s="18"/>
      <c r="F19" s="19"/>
      <c r="G19" s="20"/>
    </row>
    <row r="20" spans="1:7" s="21" customFormat="1" ht="15" customHeight="1">
      <c r="A20" s="22"/>
      <c r="B20" s="19"/>
      <c r="D20" s="42"/>
      <c r="E20" s="18"/>
      <c r="F20" s="19"/>
      <c r="G20" s="20"/>
    </row>
    <row r="21" spans="1:7" s="21" customFormat="1" ht="15" customHeight="1">
      <c r="A21" s="22"/>
      <c r="B21" s="19"/>
      <c r="D21" s="42"/>
      <c r="E21" s="18"/>
      <c r="F21" s="19"/>
      <c r="G21" s="20"/>
    </row>
    <row r="22" spans="1:7" s="21" customFormat="1" ht="15" customHeight="1">
      <c r="A22" s="22"/>
      <c r="B22" s="19"/>
      <c r="D22" s="42"/>
      <c r="E22" s="18"/>
      <c r="F22" s="19"/>
      <c r="G22" s="20"/>
    </row>
    <row r="23" spans="1:7" s="21" customFormat="1" ht="15" customHeight="1">
      <c r="A23" s="22"/>
      <c r="B23" s="19"/>
      <c r="D23" s="42"/>
      <c r="E23" s="18"/>
      <c r="F23" s="19"/>
      <c r="G23" s="20"/>
    </row>
    <row r="24" spans="1:7" s="21" customFormat="1" ht="15" customHeight="1">
      <c r="A24" s="22"/>
      <c r="B24" s="19"/>
      <c r="D24" s="42"/>
      <c r="E24" s="18"/>
      <c r="F24" s="19"/>
      <c r="G24" s="20"/>
    </row>
    <row r="25" spans="1:7" s="21" customFormat="1" ht="15" customHeight="1">
      <c r="A25" s="18"/>
      <c r="B25" s="19"/>
      <c r="D25" s="42"/>
      <c r="E25" s="18"/>
      <c r="F25" s="19"/>
      <c r="G25" s="20"/>
    </row>
    <row r="26" spans="1:7" s="21" customFormat="1" ht="15" customHeight="1">
      <c r="A26" s="18"/>
      <c r="B26" s="19"/>
      <c r="C26" s="19"/>
      <c r="D26" s="42"/>
      <c r="E26" s="18"/>
      <c r="F26" s="19"/>
      <c r="G26" s="20"/>
    </row>
    <row r="27" spans="1:7" s="21" customFormat="1" ht="15" customHeight="1">
      <c r="A27" s="22"/>
      <c r="B27" s="19"/>
      <c r="C27" s="19"/>
      <c r="D27" s="42"/>
      <c r="E27" s="18"/>
      <c r="F27" s="19"/>
      <c r="G27" s="20"/>
    </row>
    <row r="28" spans="1:7" s="21" customFormat="1" ht="15" customHeight="1">
      <c r="A28" s="22"/>
      <c r="B28" s="19"/>
      <c r="C28" s="19"/>
      <c r="D28" s="42"/>
      <c r="E28" s="18"/>
      <c r="F28" s="19"/>
      <c r="G28" s="20"/>
    </row>
    <row r="29" spans="1:7" s="21" customFormat="1" ht="15" customHeight="1">
      <c r="A29" s="22"/>
      <c r="B29" s="19"/>
      <c r="C29" s="19"/>
      <c r="D29" s="42"/>
      <c r="E29" s="18"/>
      <c r="F29" s="19"/>
      <c r="G29" s="20"/>
    </row>
    <row r="30" spans="1:7" s="21" customFormat="1" ht="15" customHeight="1">
      <c r="A30" s="22"/>
      <c r="B30" s="19"/>
      <c r="C30" s="19"/>
      <c r="D30" s="42"/>
      <c r="E30" s="18"/>
      <c r="F30" s="19"/>
      <c r="G30" s="20"/>
    </row>
    <row r="31" spans="1:7" s="21" customFormat="1" ht="15" customHeight="1">
      <c r="A31" s="22"/>
      <c r="B31" s="19"/>
      <c r="C31" s="19"/>
      <c r="D31" s="42"/>
      <c r="E31" s="18"/>
      <c r="F31" s="19"/>
      <c r="G31" s="20"/>
    </row>
    <row r="32" spans="1:7" s="21" customFormat="1" ht="15" customHeight="1">
      <c r="A32" s="22"/>
      <c r="B32" s="19"/>
      <c r="D32" s="42"/>
      <c r="E32" s="18"/>
      <c r="F32" s="19"/>
      <c r="G32" s="20"/>
    </row>
    <row r="33" spans="1:7" s="21" customFormat="1" ht="15" customHeight="1">
      <c r="A33" s="22"/>
      <c r="B33" s="19"/>
      <c r="D33" s="42"/>
      <c r="E33" s="18"/>
      <c r="F33" s="19"/>
      <c r="G33" s="20"/>
    </row>
    <row r="34" spans="1:7" s="21" customFormat="1" ht="15" customHeight="1">
      <c r="A34" s="22"/>
      <c r="B34" s="19"/>
      <c r="C34" s="20"/>
      <c r="D34" s="42"/>
      <c r="E34" s="18"/>
      <c r="F34" s="19"/>
      <c r="G34" s="20"/>
    </row>
    <row r="35" spans="1:7" s="21" customFormat="1" ht="21" customHeight="1">
      <c r="A35" s="113" t="s">
        <v>5</v>
      </c>
      <c r="B35" s="116"/>
      <c r="C35" s="117"/>
      <c r="D35" s="43">
        <f>SUM(D9:D34)</f>
        <v>0</v>
      </c>
      <c r="E35" s="23"/>
      <c r="F35" s="24"/>
      <c r="G35" s="25"/>
    </row>
    <row r="36" spans="1:7" s="34" customFormat="1">
      <c r="D36" s="39"/>
    </row>
    <row r="37" spans="1:7" s="15" customFormat="1">
      <c r="A37" s="14" t="s">
        <v>6</v>
      </c>
    </row>
    <row r="38" spans="1:7" s="26" customFormat="1" ht="15" customHeight="1">
      <c r="A38" s="113" t="s">
        <v>2</v>
      </c>
      <c r="B38" s="114"/>
      <c r="C38" s="115"/>
      <c r="D38" s="48" t="s">
        <v>8</v>
      </c>
      <c r="E38" s="113" t="s">
        <v>4</v>
      </c>
      <c r="F38" s="114"/>
      <c r="G38" s="115"/>
    </row>
    <row r="39" spans="1:7" s="26" customFormat="1" ht="15" customHeight="1">
      <c r="A39" s="18"/>
      <c r="B39" s="19"/>
      <c r="C39" s="20"/>
      <c r="D39" s="49" t="s">
        <v>0</v>
      </c>
      <c r="E39" s="18"/>
      <c r="F39" s="19"/>
      <c r="G39" s="20"/>
    </row>
    <row r="40" spans="1:7" s="26" customFormat="1" ht="15" customHeight="1">
      <c r="A40" s="18"/>
      <c r="B40" s="19"/>
      <c r="C40" s="19"/>
      <c r="D40" s="50"/>
      <c r="E40" s="18"/>
      <c r="F40" s="19"/>
      <c r="G40" s="20"/>
    </row>
    <row r="41" spans="1:7" s="26" customFormat="1" ht="15" customHeight="1">
      <c r="A41" s="18"/>
      <c r="B41" s="19"/>
      <c r="C41" s="20"/>
      <c r="D41" s="50"/>
      <c r="E41" s="18"/>
      <c r="F41" s="19"/>
      <c r="G41" s="20"/>
    </row>
    <row r="42" spans="1:7" s="26" customFormat="1" ht="15" customHeight="1">
      <c r="A42" s="18"/>
      <c r="B42" s="19"/>
      <c r="C42" s="20"/>
      <c r="D42" s="50"/>
      <c r="E42" s="18"/>
      <c r="F42" s="19"/>
      <c r="G42" s="20"/>
    </row>
    <row r="43" spans="1:7" s="26" customFormat="1" ht="15" customHeight="1">
      <c r="A43" s="18"/>
      <c r="B43" s="27"/>
      <c r="C43" s="20"/>
      <c r="D43" s="50"/>
      <c r="E43" s="18"/>
      <c r="F43" s="19"/>
      <c r="G43" s="20"/>
    </row>
    <row r="44" spans="1:7" s="26" customFormat="1" ht="15" customHeight="1">
      <c r="A44" s="18"/>
      <c r="B44" s="19"/>
      <c r="C44" s="20"/>
      <c r="D44" s="50"/>
      <c r="E44" s="18"/>
      <c r="F44" s="19"/>
      <c r="G44" s="20"/>
    </row>
    <row r="45" spans="1:7" s="26" customFormat="1" ht="15" customHeight="1">
      <c r="A45" s="18"/>
      <c r="B45" s="19"/>
      <c r="C45" s="20"/>
      <c r="D45" s="50"/>
      <c r="E45" s="18"/>
      <c r="F45" s="19"/>
      <c r="G45" s="20"/>
    </row>
    <row r="46" spans="1:7" s="26" customFormat="1" ht="15" customHeight="1">
      <c r="A46" s="18"/>
      <c r="B46" s="19"/>
      <c r="C46" s="20"/>
      <c r="D46" s="50"/>
      <c r="E46" s="18"/>
      <c r="F46" s="19"/>
      <c r="G46" s="20"/>
    </row>
    <row r="47" spans="1:7" s="26" customFormat="1" ht="21" customHeight="1">
      <c r="A47" s="113" t="s">
        <v>5</v>
      </c>
      <c r="B47" s="114"/>
      <c r="C47" s="115"/>
      <c r="D47" s="51">
        <f>SUM(D40:D46)</f>
        <v>0</v>
      </c>
      <c r="E47" s="23"/>
      <c r="F47" s="24"/>
      <c r="G47" s="25"/>
    </row>
    <row r="48" spans="1:7" s="26" customFormat="1" ht="12"/>
    <row r="49" spans="1:7" s="26" customFormat="1" ht="21" customHeight="1">
      <c r="A49" s="113" t="s">
        <v>7</v>
      </c>
      <c r="B49" s="116"/>
      <c r="C49" s="117"/>
      <c r="D49" s="52">
        <f>D47-D35</f>
        <v>0</v>
      </c>
      <c r="E49" s="28"/>
      <c r="F49" s="28"/>
      <c r="G49" s="29"/>
    </row>
  </sheetData>
  <mergeCells count="8">
    <mergeCell ref="A47:C47"/>
    <mergeCell ref="A49:C49"/>
    <mergeCell ref="A35:C35"/>
    <mergeCell ref="A2:G2"/>
    <mergeCell ref="A7:C7"/>
    <mergeCell ref="E7:G7"/>
    <mergeCell ref="A38:C38"/>
    <mergeCell ref="E38:G38"/>
  </mergeCells>
  <phoneticPr fontId="2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J16"/>
  <sheetViews>
    <sheetView view="pageBreakPreview" zoomScaleNormal="100" zoomScaleSheetLayoutView="100" workbookViewId="0">
      <selection activeCell="G11" sqref="G11"/>
    </sheetView>
  </sheetViews>
  <sheetFormatPr defaultColWidth="12.59765625" defaultRowHeight="24" customHeight="1"/>
  <cols>
    <col min="1" max="1" width="4" style="2" customWidth="1"/>
    <col min="2" max="2" width="24.19921875" style="2" customWidth="1"/>
    <col min="3" max="9" width="15" style="2" customWidth="1"/>
    <col min="10" max="10" width="14.5" style="2" customWidth="1"/>
    <col min="11" max="11" width="16.3984375" style="2" customWidth="1"/>
    <col min="12" max="16384" width="12.59765625" style="2"/>
  </cols>
  <sheetData>
    <row r="1" spans="2:10" ht="20.25" customHeight="1"/>
    <row r="2" spans="2:10" s="13" customFormat="1" ht="30" customHeight="1">
      <c r="B2" s="87" t="s">
        <v>51</v>
      </c>
      <c r="C2" s="87"/>
      <c r="D2" s="87"/>
      <c r="E2" s="87"/>
      <c r="F2" s="87"/>
      <c r="G2" s="87"/>
      <c r="H2" s="87"/>
      <c r="I2" s="87"/>
    </row>
    <row r="3" spans="2:10" ht="24" customHeight="1">
      <c r="G3" s="16" t="s">
        <v>40</v>
      </c>
      <c r="H3" s="3"/>
      <c r="I3" s="3"/>
      <c r="J3" s="4"/>
    </row>
    <row r="4" spans="2:10" ht="7.5" customHeight="1" thickBot="1"/>
    <row r="5" spans="2:10" ht="24" customHeight="1">
      <c r="B5" s="88" t="s">
        <v>40</v>
      </c>
      <c r="C5" s="90" t="s">
        <v>31</v>
      </c>
      <c r="D5" s="90" t="s">
        <v>32</v>
      </c>
      <c r="E5" s="88" t="s">
        <v>22</v>
      </c>
      <c r="F5" s="90" t="s">
        <v>33</v>
      </c>
      <c r="G5" s="90" t="s">
        <v>34</v>
      </c>
      <c r="H5" s="83" t="s">
        <v>35</v>
      </c>
      <c r="I5" s="85" t="s">
        <v>36</v>
      </c>
    </row>
    <row r="6" spans="2:10" ht="24" customHeight="1">
      <c r="B6" s="89"/>
      <c r="C6" s="91"/>
      <c r="D6" s="89"/>
      <c r="E6" s="89"/>
      <c r="F6" s="91"/>
      <c r="G6" s="91"/>
      <c r="H6" s="84"/>
      <c r="I6" s="86"/>
    </row>
    <row r="7" spans="2:10" ht="24" customHeight="1">
      <c r="B7" s="89"/>
      <c r="C7" s="91"/>
      <c r="D7" s="89"/>
      <c r="E7" s="89"/>
      <c r="F7" s="91"/>
      <c r="G7" s="91"/>
      <c r="H7" s="84"/>
      <c r="I7" s="86"/>
    </row>
    <row r="8" spans="2:10" ht="24" customHeight="1">
      <c r="B8" s="89"/>
      <c r="C8" s="91"/>
      <c r="D8" s="89"/>
      <c r="E8" s="89"/>
      <c r="F8" s="91"/>
      <c r="G8" s="91"/>
      <c r="H8" s="84"/>
      <c r="I8" s="86"/>
    </row>
    <row r="9" spans="2:10" ht="24" customHeight="1">
      <c r="B9" s="30"/>
      <c r="C9" s="6" t="s">
        <v>10</v>
      </c>
      <c r="D9" s="6" t="s">
        <v>11</v>
      </c>
      <c r="E9" s="6" t="s">
        <v>12</v>
      </c>
      <c r="F9" s="6" t="s">
        <v>13</v>
      </c>
      <c r="G9" s="6"/>
      <c r="H9" s="8" t="s">
        <v>14</v>
      </c>
      <c r="I9" s="9" t="s">
        <v>15</v>
      </c>
    </row>
    <row r="10" spans="2:10" ht="13.5" customHeight="1">
      <c r="B10" s="5"/>
      <c r="C10" s="7" t="s">
        <v>0</v>
      </c>
      <c r="D10" s="7" t="s">
        <v>0</v>
      </c>
      <c r="E10" s="7" t="s">
        <v>0</v>
      </c>
      <c r="F10" s="7" t="s">
        <v>0</v>
      </c>
      <c r="G10" s="7" t="s">
        <v>0</v>
      </c>
      <c r="H10" s="10"/>
      <c r="I10" s="55" t="s">
        <v>9</v>
      </c>
    </row>
    <row r="11" spans="2:10" ht="139.5" customHeight="1" thickBot="1">
      <c r="B11" s="46"/>
      <c r="C11" s="47">
        <v>9000000</v>
      </c>
      <c r="D11" s="35"/>
      <c r="E11" s="35"/>
      <c r="F11" s="35"/>
      <c r="G11" s="81" t="s">
        <v>65</v>
      </c>
      <c r="H11" s="56" t="s">
        <v>41</v>
      </c>
      <c r="I11" s="45"/>
    </row>
    <row r="12" spans="2:10" ht="12.75" customHeight="1"/>
    <row r="13" spans="2:10" ht="17.25" customHeight="1">
      <c r="B13" s="2" t="s">
        <v>21</v>
      </c>
    </row>
    <row r="14" spans="2:10" ht="15.75" customHeight="1">
      <c r="B14" s="2" t="s">
        <v>23</v>
      </c>
    </row>
    <row r="15" spans="2:10" ht="15.75" customHeight="1"/>
    <row r="16" spans="2:10" ht="15.75" customHeight="1"/>
  </sheetData>
  <mergeCells count="9">
    <mergeCell ref="H5:H8"/>
    <mergeCell ref="I5:I8"/>
    <mergeCell ref="B2:I2"/>
    <mergeCell ref="B5:B8"/>
    <mergeCell ref="C5:C8"/>
    <mergeCell ref="D5:D8"/>
    <mergeCell ref="E5:E8"/>
    <mergeCell ref="F5:F8"/>
    <mergeCell ref="G5:G8"/>
  </mergeCells>
  <phoneticPr fontId="2"/>
  <printOptions horizontalCentered="1"/>
  <pageMargins left="0.39370078740157483" right="0.39370078740157483" top="0.78740157480314965" bottom="0.39370078740157483" header="0.51181102362204722" footer="0.21"/>
  <pageSetup paperSize="9" orientation="landscape" horizontalDpi="300" verticalDpi="300" r:id="rId1"/>
  <headerFooter alignWithMargins="0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27"/>
  <sheetViews>
    <sheetView view="pageBreakPreview" zoomScaleNormal="100" zoomScaleSheetLayoutView="100" workbookViewId="0">
      <selection activeCell="B12" sqref="B12:C12"/>
    </sheetView>
  </sheetViews>
  <sheetFormatPr defaultColWidth="2.59765625" defaultRowHeight="14.4"/>
  <cols>
    <col min="1" max="1" width="2.59765625" style="59" customWidth="1"/>
    <col min="2" max="2" width="7.796875" style="59" customWidth="1"/>
    <col min="3" max="3" width="20.19921875" style="59" customWidth="1"/>
    <col min="4" max="4" width="13.5" style="59" customWidth="1"/>
    <col min="5" max="5" width="10.296875" style="59" customWidth="1"/>
    <col min="6" max="6" width="16.69921875" style="59" customWidth="1"/>
    <col min="7" max="7" width="18.3984375" style="59" customWidth="1"/>
    <col min="8" max="8" width="19.8984375" style="59" customWidth="1"/>
    <col min="9" max="16384" width="2.59765625" style="59"/>
  </cols>
  <sheetData>
    <row r="1" spans="1:8" ht="34.200000000000003" customHeight="1"/>
    <row r="2" spans="1:8" s="60" customFormat="1" ht="28.2" customHeight="1">
      <c r="B2" s="92" t="s">
        <v>63</v>
      </c>
      <c r="C2" s="92"/>
      <c r="D2" s="92"/>
      <c r="E2" s="92"/>
      <c r="F2" s="92"/>
      <c r="G2" s="92"/>
      <c r="H2" s="92"/>
    </row>
    <row r="3" spans="1:8" s="61" customFormat="1" ht="9" customHeight="1"/>
    <row r="4" spans="1:8" s="61" customFormat="1" ht="36.6" customHeight="1">
      <c r="G4" s="98" t="s">
        <v>60</v>
      </c>
      <c r="H4" s="99"/>
    </row>
    <row r="5" spans="1:8" s="62" customFormat="1" ht="15" customHeight="1">
      <c r="F5" s="63"/>
    </row>
    <row r="6" spans="1:8" s="62" customFormat="1" ht="33" customHeight="1" thickBot="1">
      <c r="B6" s="96" t="s">
        <v>61</v>
      </c>
      <c r="C6" s="97"/>
      <c r="D6" s="97"/>
      <c r="E6" s="97"/>
      <c r="F6" s="63"/>
    </row>
    <row r="7" spans="1:8" s="62" customFormat="1" ht="34.950000000000003" customHeight="1">
      <c r="B7" s="76"/>
      <c r="C7" s="100" t="s">
        <v>55</v>
      </c>
      <c r="D7" s="100"/>
      <c r="E7" s="100"/>
      <c r="F7" s="100"/>
      <c r="G7" s="100"/>
      <c r="H7" s="101"/>
    </row>
    <row r="8" spans="1:8" s="62" customFormat="1" ht="34.950000000000003" customHeight="1">
      <c r="B8" s="77"/>
      <c r="C8" s="102" t="s">
        <v>56</v>
      </c>
      <c r="D8" s="103"/>
      <c r="E8" s="103"/>
      <c r="F8" s="103"/>
      <c r="G8" s="103"/>
      <c r="H8" s="104"/>
    </row>
    <row r="9" spans="1:8" s="62" customFormat="1" ht="34.950000000000003" customHeight="1" thickBot="1">
      <c r="B9" s="78"/>
      <c r="C9" s="122" t="s">
        <v>57</v>
      </c>
      <c r="D9" s="123"/>
      <c r="E9" s="123"/>
      <c r="F9" s="123"/>
      <c r="G9" s="123"/>
      <c r="H9" s="124"/>
    </row>
    <row r="10" spans="1:8" s="62" customFormat="1" ht="11.4" customHeight="1">
      <c r="F10" s="63"/>
    </row>
    <row r="11" spans="1:8" s="62" customFormat="1" ht="29.4" customHeight="1">
      <c r="A11" s="64"/>
      <c r="B11" s="96" t="s">
        <v>58</v>
      </c>
      <c r="C11" s="97"/>
      <c r="D11" s="97"/>
      <c r="E11" s="97"/>
      <c r="F11" s="65"/>
      <c r="G11" s="65"/>
      <c r="H11" s="65"/>
    </row>
    <row r="12" spans="1:8" s="62" customFormat="1" ht="30" customHeight="1">
      <c r="A12" s="64"/>
      <c r="B12" s="109" t="s">
        <v>43</v>
      </c>
      <c r="C12" s="109"/>
      <c r="D12" s="74" t="s">
        <v>44</v>
      </c>
      <c r="E12" s="74" t="s">
        <v>45</v>
      </c>
      <c r="F12" s="74" t="s">
        <v>46</v>
      </c>
      <c r="G12" s="75" t="s">
        <v>47</v>
      </c>
      <c r="H12" s="75" t="s">
        <v>48</v>
      </c>
    </row>
    <row r="13" spans="1:8" s="62" customFormat="1" ht="30" customHeight="1">
      <c r="A13" s="64"/>
      <c r="B13" s="110"/>
      <c r="C13" s="110"/>
      <c r="D13" s="68"/>
      <c r="E13" s="68"/>
      <c r="F13" s="69" t="s">
        <v>0</v>
      </c>
      <c r="G13" s="70"/>
      <c r="H13" s="68"/>
    </row>
    <row r="14" spans="1:8" s="62" customFormat="1" ht="30" customHeight="1">
      <c r="A14" s="64"/>
      <c r="B14" s="111"/>
      <c r="C14" s="112"/>
      <c r="D14" s="68"/>
      <c r="E14" s="68"/>
      <c r="F14" s="69"/>
      <c r="G14" s="70"/>
      <c r="H14" s="68"/>
    </row>
    <row r="15" spans="1:8" s="62" customFormat="1" ht="30" customHeight="1">
      <c r="A15" s="64"/>
      <c r="B15" s="110"/>
      <c r="C15" s="110"/>
      <c r="D15" s="68"/>
      <c r="E15" s="68"/>
      <c r="F15" s="68"/>
      <c r="G15" s="70"/>
      <c r="H15" s="68"/>
    </row>
    <row r="16" spans="1:8" s="62" customFormat="1" ht="30" customHeight="1">
      <c r="A16" s="64"/>
      <c r="B16" s="110"/>
      <c r="C16" s="110"/>
      <c r="D16" s="68"/>
      <c r="E16" s="68"/>
      <c r="F16" s="68"/>
      <c r="G16" s="70"/>
      <c r="H16" s="68"/>
    </row>
    <row r="17" spans="1:11" s="62" customFormat="1" ht="30" customHeight="1">
      <c r="A17" s="64"/>
      <c r="B17" s="110" t="s">
        <v>49</v>
      </c>
      <c r="C17" s="110"/>
      <c r="D17" s="110"/>
      <c r="E17" s="110"/>
      <c r="F17" s="68">
        <f>+SUM(F13:F16)</f>
        <v>0</v>
      </c>
      <c r="G17" s="70"/>
      <c r="H17" s="68"/>
    </row>
    <row r="18" spans="1:11" s="62" customFormat="1" ht="65.400000000000006" customHeight="1">
      <c r="A18" s="64"/>
      <c r="B18" s="105" t="s">
        <v>66</v>
      </c>
      <c r="C18" s="105"/>
      <c r="D18" s="105"/>
      <c r="E18" s="105"/>
      <c r="F18" s="105"/>
      <c r="G18" s="105"/>
      <c r="H18" s="105"/>
    </row>
    <row r="19" spans="1:11" s="62" customFormat="1" ht="15" customHeight="1">
      <c r="A19" s="64"/>
      <c r="B19" s="71"/>
      <c r="C19" s="71"/>
      <c r="D19" s="71"/>
      <c r="E19" s="71"/>
      <c r="F19" s="71"/>
      <c r="G19" s="72"/>
      <c r="H19" s="71"/>
    </row>
    <row r="20" spans="1:11" s="62" customFormat="1" ht="26.4" customHeight="1">
      <c r="A20" s="64"/>
      <c r="B20" s="96" t="s">
        <v>59</v>
      </c>
      <c r="C20" s="97"/>
      <c r="D20" s="97"/>
      <c r="E20" s="97"/>
      <c r="F20" s="71"/>
      <c r="G20" s="72"/>
      <c r="H20" s="71"/>
    </row>
    <row r="21" spans="1:11" s="62" customFormat="1" ht="22.5" customHeight="1" thickBot="1">
      <c r="A21" s="64"/>
      <c r="B21" s="106" t="s">
        <v>67</v>
      </c>
      <c r="C21" s="106"/>
      <c r="D21" s="106"/>
      <c r="E21" s="106"/>
      <c r="F21" s="106"/>
      <c r="G21" s="72"/>
      <c r="H21" s="71"/>
      <c r="J21" s="64"/>
    </row>
    <row r="22" spans="1:11" s="62" customFormat="1" ht="92.4" customHeight="1" thickBot="1">
      <c r="A22" s="64"/>
      <c r="B22" s="93"/>
      <c r="C22" s="94"/>
      <c r="D22" s="94"/>
      <c r="E22" s="94"/>
      <c r="F22" s="94"/>
      <c r="G22" s="94"/>
      <c r="H22" s="95"/>
      <c r="I22" s="79"/>
      <c r="J22" s="73"/>
      <c r="K22" s="64"/>
    </row>
    <row r="23" spans="1:11" s="62" customFormat="1" ht="8.4" customHeight="1">
      <c r="A23" s="64"/>
      <c r="B23" s="73"/>
      <c r="C23" s="73"/>
      <c r="D23" s="73"/>
      <c r="E23" s="73"/>
      <c r="F23" s="73"/>
      <c r="G23" s="73"/>
      <c r="H23" s="73"/>
      <c r="I23" s="64"/>
      <c r="J23" s="64"/>
    </row>
    <row r="24" spans="1:11" s="62" customFormat="1" ht="22.2" customHeight="1" thickBot="1">
      <c r="A24" s="64"/>
      <c r="B24" s="106" t="s">
        <v>68</v>
      </c>
      <c r="C24" s="107"/>
      <c r="D24" s="107"/>
      <c r="E24" s="107"/>
      <c r="F24" s="107"/>
      <c r="G24" s="72"/>
      <c r="H24" s="71"/>
      <c r="J24" s="64"/>
    </row>
    <row r="25" spans="1:11" s="62" customFormat="1" ht="93" customHeight="1" thickBot="1">
      <c r="A25" s="64"/>
      <c r="B25" s="93"/>
      <c r="C25" s="94"/>
      <c r="D25" s="94"/>
      <c r="E25" s="94"/>
      <c r="F25" s="94"/>
      <c r="G25" s="94"/>
      <c r="H25" s="95"/>
      <c r="I25" s="79"/>
      <c r="J25" s="73"/>
      <c r="K25" s="64"/>
    </row>
    <row r="26" spans="1:11" s="61" customFormat="1">
      <c r="I26" s="80"/>
    </row>
    <row r="27" spans="1:11" ht="53.25" customHeight="1">
      <c r="B27" s="108"/>
      <c r="C27" s="108"/>
      <c r="D27" s="108"/>
      <c r="E27" s="108"/>
      <c r="F27" s="108"/>
      <c r="G27" s="108"/>
      <c r="H27" s="108"/>
    </row>
  </sheetData>
  <mergeCells count="20">
    <mergeCell ref="B15:C15"/>
    <mergeCell ref="B2:H2"/>
    <mergeCell ref="G4:H4"/>
    <mergeCell ref="B6:E6"/>
    <mergeCell ref="C7:H7"/>
    <mergeCell ref="C8:H8"/>
    <mergeCell ref="C9:H9"/>
    <mergeCell ref="B11:E11"/>
    <mergeCell ref="B12:C12"/>
    <mergeCell ref="B13:C13"/>
    <mergeCell ref="B14:C14"/>
    <mergeCell ref="B25:H25"/>
    <mergeCell ref="B27:H27"/>
    <mergeCell ref="B16:C16"/>
    <mergeCell ref="B17:E17"/>
    <mergeCell ref="B18:H18"/>
    <mergeCell ref="B20:E20"/>
    <mergeCell ref="B22:H22"/>
    <mergeCell ref="B21:F21"/>
    <mergeCell ref="B24:F24"/>
  </mergeCells>
  <phoneticPr fontId="2"/>
  <dataValidations count="1">
    <dataValidation type="list" allowBlank="1" showInputMessage="1" showErrorMessage="1" sqref="B7:B9">
      <formula1>"○"</formula1>
    </dataValidation>
  </dataValidations>
  <pageMargins left="0.78740157480314965" right="0.78740157480314965" top="0.78740157480314965" bottom="0.39370078740157483" header="0.51181102362204722" footer="0.19685039370078741"/>
  <pageSetup paperSize="9" scale="70" orientation="portrait" horizontalDpi="300" verticalDpi="300" r:id="rId1"/>
  <headerFooter alignWithMargins="0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9"/>
  <sheetViews>
    <sheetView view="pageBreakPreview" zoomScaleNormal="100" workbookViewId="0">
      <selection activeCell="C18" sqref="C18"/>
    </sheetView>
  </sheetViews>
  <sheetFormatPr defaultRowHeight="14.4"/>
  <cols>
    <col min="1" max="1" width="6.59765625" customWidth="1"/>
    <col min="2" max="2" width="6.8984375" customWidth="1"/>
    <col min="3" max="3" width="20.69921875" customWidth="1"/>
    <col min="4" max="4" width="15.3984375" style="44" customWidth="1"/>
    <col min="5" max="5" width="10.5" customWidth="1"/>
  </cols>
  <sheetData>
    <row r="1" spans="1:12" s="1" customFormat="1" ht="18.75" customHeight="1">
      <c r="D1" s="36"/>
    </row>
    <row r="2" spans="1:12" s="12" customFormat="1" ht="20.25" customHeight="1">
      <c r="A2" s="92" t="s">
        <v>52</v>
      </c>
      <c r="B2" s="92"/>
      <c r="C2" s="92"/>
      <c r="D2" s="92"/>
      <c r="E2" s="92"/>
      <c r="F2" s="92"/>
      <c r="G2" s="92"/>
      <c r="H2" s="11"/>
      <c r="I2" s="11"/>
      <c r="J2" s="11"/>
      <c r="K2" s="11"/>
      <c r="L2" s="11"/>
    </row>
    <row r="3" spans="1:12" s="31" customFormat="1" ht="9" customHeight="1">
      <c r="D3" s="37"/>
      <c r="E3" s="32"/>
      <c r="F3" s="32"/>
      <c r="G3" s="32"/>
    </row>
    <row r="4" spans="1:12" s="31" customFormat="1" ht="18" customHeight="1">
      <c r="D4" s="38"/>
      <c r="E4" s="16" t="s">
        <v>40</v>
      </c>
      <c r="F4" s="33"/>
      <c r="G4" s="33"/>
    </row>
    <row r="5" spans="1:12" s="34" customFormat="1" ht="9" customHeight="1">
      <c r="D5" s="39"/>
    </row>
    <row r="6" spans="1:12" s="14" customFormat="1" ht="15" customHeight="1">
      <c r="A6" s="14" t="s">
        <v>1</v>
      </c>
    </row>
    <row r="7" spans="1:12" s="17" customFormat="1" ht="15" customHeight="1">
      <c r="A7" s="113" t="s">
        <v>2</v>
      </c>
      <c r="B7" s="116"/>
      <c r="C7" s="117"/>
      <c r="D7" s="40" t="s">
        <v>3</v>
      </c>
      <c r="E7" s="113" t="s">
        <v>4</v>
      </c>
      <c r="F7" s="116"/>
      <c r="G7" s="117"/>
    </row>
    <row r="8" spans="1:12" s="21" customFormat="1" ht="15" customHeight="1">
      <c r="A8" s="18"/>
      <c r="B8" s="19"/>
      <c r="C8" s="20"/>
      <c r="D8" s="41" t="s">
        <v>0</v>
      </c>
      <c r="E8" s="18"/>
      <c r="F8" s="19"/>
      <c r="G8" s="20"/>
    </row>
    <row r="9" spans="1:12" s="21" customFormat="1" ht="15" customHeight="1">
      <c r="A9" s="22"/>
      <c r="B9" s="19"/>
      <c r="C9" s="20"/>
      <c r="D9" s="42"/>
      <c r="E9" s="18"/>
      <c r="F9" s="19"/>
      <c r="G9" s="20"/>
    </row>
    <row r="10" spans="1:12" s="21" customFormat="1" ht="15" customHeight="1">
      <c r="A10" s="22"/>
      <c r="D10" s="42"/>
      <c r="E10" s="18"/>
      <c r="F10" s="19"/>
      <c r="G10" s="20"/>
    </row>
    <row r="11" spans="1:12" s="21" customFormat="1" ht="15" customHeight="1">
      <c r="A11" s="22"/>
      <c r="D11" s="42"/>
      <c r="E11" s="18"/>
      <c r="F11" s="19"/>
      <c r="G11" s="20"/>
    </row>
    <row r="12" spans="1:12" s="21" customFormat="1" ht="15" customHeight="1">
      <c r="A12" s="22"/>
      <c r="B12" s="19"/>
      <c r="D12" s="42"/>
      <c r="E12" s="18"/>
      <c r="F12" s="19"/>
      <c r="G12" s="20"/>
    </row>
    <row r="13" spans="1:12" s="21" customFormat="1" ht="15" customHeight="1">
      <c r="A13" s="22"/>
      <c r="B13" s="19"/>
      <c r="D13" s="42"/>
      <c r="E13" s="18"/>
      <c r="F13" s="19"/>
      <c r="G13" s="20"/>
    </row>
    <row r="14" spans="1:12" s="21" customFormat="1" ht="15" customHeight="1">
      <c r="A14" s="22"/>
      <c r="B14" s="19"/>
      <c r="D14" s="42"/>
      <c r="E14" s="18"/>
      <c r="F14" s="19"/>
      <c r="G14" s="20"/>
    </row>
    <row r="15" spans="1:12" s="21" customFormat="1" ht="15" customHeight="1">
      <c r="A15" s="22"/>
      <c r="B15" s="19"/>
      <c r="C15" s="19"/>
      <c r="D15" s="42"/>
      <c r="E15" s="18"/>
      <c r="F15" s="19"/>
      <c r="G15" s="20"/>
    </row>
    <row r="16" spans="1:12" s="21" customFormat="1" ht="15" customHeight="1">
      <c r="A16" s="18"/>
      <c r="B16" s="19"/>
      <c r="D16" s="42"/>
      <c r="E16" s="18"/>
      <c r="F16" s="19"/>
      <c r="G16" s="20"/>
    </row>
    <row r="17" spans="1:7" s="21" customFormat="1" ht="15" customHeight="1">
      <c r="A17" s="18"/>
      <c r="B17" s="19"/>
      <c r="D17" s="42"/>
      <c r="E17" s="18"/>
      <c r="F17" s="19"/>
      <c r="G17" s="20"/>
    </row>
    <row r="18" spans="1:7" s="21" customFormat="1" ht="15" customHeight="1">
      <c r="A18" s="18"/>
      <c r="B18" s="19"/>
      <c r="D18" s="42"/>
      <c r="E18" s="18"/>
      <c r="F18" s="19"/>
      <c r="G18" s="20"/>
    </row>
    <row r="19" spans="1:7" s="21" customFormat="1" ht="15" customHeight="1">
      <c r="A19" s="18"/>
      <c r="B19" s="19"/>
      <c r="D19" s="42"/>
      <c r="E19" s="18"/>
      <c r="F19" s="19"/>
      <c r="G19" s="20"/>
    </row>
    <row r="20" spans="1:7" s="21" customFormat="1" ht="15" customHeight="1">
      <c r="A20" s="22"/>
      <c r="B20" s="19"/>
      <c r="D20" s="42"/>
      <c r="E20" s="18"/>
      <c r="F20" s="19"/>
      <c r="G20" s="20"/>
    </row>
    <row r="21" spans="1:7" s="21" customFormat="1" ht="15" customHeight="1">
      <c r="A21" s="22"/>
      <c r="B21" s="19"/>
      <c r="D21" s="42"/>
      <c r="E21" s="18"/>
      <c r="F21" s="19"/>
      <c r="G21" s="20"/>
    </row>
    <row r="22" spans="1:7" s="21" customFormat="1" ht="15" customHeight="1">
      <c r="A22" s="22"/>
      <c r="B22" s="19"/>
      <c r="D22" s="42"/>
      <c r="E22" s="18"/>
      <c r="F22" s="19"/>
      <c r="G22" s="20"/>
    </row>
    <row r="23" spans="1:7" s="21" customFormat="1" ht="15" customHeight="1">
      <c r="A23" s="22"/>
      <c r="B23" s="19"/>
      <c r="D23" s="42"/>
      <c r="E23" s="18"/>
      <c r="F23" s="19"/>
      <c r="G23" s="20"/>
    </row>
    <row r="24" spans="1:7" s="21" customFormat="1" ht="15" customHeight="1">
      <c r="A24" s="22"/>
      <c r="B24" s="19"/>
      <c r="D24" s="42"/>
      <c r="E24" s="18"/>
      <c r="F24" s="19"/>
      <c r="G24" s="20"/>
    </row>
    <row r="25" spans="1:7" s="21" customFormat="1" ht="15" customHeight="1">
      <c r="A25" s="18"/>
      <c r="B25" s="19"/>
      <c r="D25" s="42"/>
      <c r="E25" s="18"/>
      <c r="F25" s="19"/>
      <c r="G25" s="20"/>
    </row>
    <row r="26" spans="1:7" s="21" customFormat="1" ht="15" customHeight="1">
      <c r="A26" s="18"/>
      <c r="B26" s="19"/>
      <c r="C26" s="19"/>
      <c r="D26" s="42"/>
      <c r="E26" s="18"/>
      <c r="F26" s="19"/>
      <c r="G26" s="20"/>
    </row>
    <row r="27" spans="1:7" s="21" customFormat="1" ht="15" customHeight="1">
      <c r="A27" s="22"/>
      <c r="B27" s="19"/>
      <c r="C27" s="19"/>
      <c r="D27" s="42"/>
      <c r="E27" s="18"/>
      <c r="F27" s="19"/>
      <c r="G27" s="20"/>
    </row>
    <row r="28" spans="1:7" s="21" customFormat="1" ht="15" customHeight="1">
      <c r="A28" s="22"/>
      <c r="B28" s="19"/>
      <c r="C28" s="19"/>
      <c r="D28" s="42"/>
      <c r="E28" s="18"/>
      <c r="F28" s="19"/>
      <c r="G28" s="20"/>
    </row>
    <row r="29" spans="1:7" s="21" customFormat="1" ht="15" customHeight="1">
      <c r="A29" s="22"/>
      <c r="B29" s="19"/>
      <c r="C29" s="19"/>
      <c r="D29" s="42"/>
      <c r="E29" s="18"/>
      <c r="F29" s="19"/>
      <c r="G29" s="20"/>
    </row>
    <row r="30" spans="1:7" s="21" customFormat="1" ht="15" customHeight="1">
      <c r="A30" s="22"/>
      <c r="B30" s="19"/>
      <c r="C30" s="19"/>
      <c r="D30" s="42"/>
      <c r="E30" s="18"/>
      <c r="F30" s="19"/>
      <c r="G30" s="20"/>
    </row>
    <row r="31" spans="1:7" s="21" customFormat="1" ht="15" customHeight="1">
      <c r="A31" s="22"/>
      <c r="B31" s="19"/>
      <c r="C31" s="19"/>
      <c r="D31" s="42"/>
      <c r="E31" s="18"/>
      <c r="F31" s="19"/>
      <c r="G31" s="20"/>
    </row>
    <row r="32" spans="1:7" s="21" customFormat="1" ht="15" customHeight="1">
      <c r="A32" s="22"/>
      <c r="B32" s="19"/>
      <c r="D32" s="42"/>
      <c r="E32" s="18"/>
      <c r="F32" s="19"/>
      <c r="G32" s="20"/>
    </row>
    <row r="33" spans="1:7" s="21" customFormat="1" ht="15" customHeight="1">
      <c r="A33" s="22"/>
      <c r="B33" s="19"/>
      <c r="D33" s="42"/>
      <c r="E33" s="18"/>
      <c r="F33" s="19"/>
      <c r="G33" s="20"/>
    </row>
    <row r="34" spans="1:7" s="21" customFormat="1" ht="15" customHeight="1">
      <c r="A34" s="22"/>
      <c r="B34" s="19"/>
      <c r="C34" s="20"/>
      <c r="D34" s="42"/>
      <c r="E34" s="18"/>
      <c r="F34" s="19"/>
      <c r="G34" s="20"/>
    </row>
    <row r="35" spans="1:7" s="21" customFormat="1" ht="21" customHeight="1">
      <c r="A35" s="113" t="s">
        <v>5</v>
      </c>
      <c r="B35" s="116"/>
      <c r="C35" s="117"/>
      <c r="D35" s="43">
        <f>SUM(D9:D34)</f>
        <v>0</v>
      </c>
      <c r="E35" s="23"/>
      <c r="F35" s="24"/>
      <c r="G35" s="25"/>
    </row>
    <row r="36" spans="1:7" s="34" customFormat="1">
      <c r="D36" s="39"/>
    </row>
    <row r="37" spans="1:7" s="15" customFormat="1">
      <c r="A37" s="14" t="s">
        <v>6</v>
      </c>
    </row>
    <row r="38" spans="1:7" s="26" customFormat="1" ht="15" customHeight="1">
      <c r="A38" s="113" t="s">
        <v>2</v>
      </c>
      <c r="B38" s="114"/>
      <c r="C38" s="115"/>
      <c r="D38" s="48" t="s">
        <v>8</v>
      </c>
      <c r="E38" s="113" t="s">
        <v>4</v>
      </c>
      <c r="F38" s="114"/>
      <c r="G38" s="115"/>
    </row>
    <row r="39" spans="1:7" s="26" customFormat="1" ht="15" customHeight="1">
      <c r="A39" s="18"/>
      <c r="B39" s="19"/>
      <c r="C39" s="20"/>
      <c r="D39" s="49" t="s">
        <v>0</v>
      </c>
      <c r="E39" s="18"/>
      <c r="F39" s="19"/>
      <c r="G39" s="20"/>
    </row>
    <row r="40" spans="1:7" s="26" customFormat="1" ht="15" customHeight="1">
      <c r="A40" s="18"/>
      <c r="B40" s="19"/>
      <c r="C40" s="19"/>
      <c r="D40" s="50"/>
      <c r="E40" s="18"/>
      <c r="F40" s="19"/>
      <c r="G40" s="20"/>
    </row>
    <row r="41" spans="1:7" s="26" customFormat="1" ht="15" customHeight="1">
      <c r="A41" s="18"/>
      <c r="B41" s="19"/>
      <c r="C41" s="20"/>
      <c r="D41" s="50"/>
      <c r="E41" s="18"/>
      <c r="F41" s="19"/>
      <c r="G41" s="20"/>
    </row>
    <row r="42" spans="1:7" s="26" customFormat="1" ht="15" customHeight="1">
      <c r="A42" s="18"/>
      <c r="B42" s="19"/>
      <c r="C42" s="20"/>
      <c r="D42" s="50"/>
      <c r="E42" s="18"/>
      <c r="F42" s="19"/>
      <c r="G42" s="20"/>
    </row>
    <row r="43" spans="1:7" s="26" customFormat="1" ht="15" customHeight="1">
      <c r="A43" s="18"/>
      <c r="B43" s="27"/>
      <c r="C43" s="20"/>
      <c r="D43" s="50"/>
      <c r="E43" s="18"/>
      <c r="F43" s="19"/>
      <c r="G43" s="20"/>
    </row>
    <row r="44" spans="1:7" s="26" customFormat="1" ht="15" customHeight="1">
      <c r="A44" s="18"/>
      <c r="B44" s="19"/>
      <c r="C44" s="20"/>
      <c r="D44" s="50"/>
      <c r="E44" s="18"/>
      <c r="F44" s="19"/>
      <c r="G44" s="20"/>
    </row>
    <row r="45" spans="1:7" s="26" customFormat="1" ht="15" customHeight="1">
      <c r="A45" s="18"/>
      <c r="B45" s="19"/>
      <c r="C45" s="20"/>
      <c r="D45" s="50"/>
      <c r="E45" s="18"/>
      <c r="F45" s="19"/>
      <c r="G45" s="20"/>
    </row>
    <row r="46" spans="1:7" s="26" customFormat="1" ht="15" customHeight="1">
      <c r="A46" s="18"/>
      <c r="B46" s="19"/>
      <c r="C46" s="20"/>
      <c r="D46" s="50"/>
      <c r="E46" s="18"/>
      <c r="F46" s="19"/>
      <c r="G46" s="20"/>
    </row>
    <row r="47" spans="1:7" s="26" customFormat="1" ht="21" customHeight="1">
      <c r="A47" s="113" t="s">
        <v>5</v>
      </c>
      <c r="B47" s="114"/>
      <c r="C47" s="115"/>
      <c r="D47" s="51">
        <f>SUM(D40:D46)</f>
        <v>0</v>
      </c>
      <c r="E47" s="23"/>
      <c r="F47" s="24"/>
      <c r="G47" s="25"/>
    </row>
    <row r="48" spans="1:7" s="26" customFormat="1" ht="12"/>
    <row r="49" spans="1:7" s="26" customFormat="1" ht="21" customHeight="1">
      <c r="A49" s="113" t="s">
        <v>7</v>
      </c>
      <c r="B49" s="116"/>
      <c r="C49" s="117"/>
      <c r="D49" s="52">
        <f>D47-D35</f>
        <v>0</v>
      </c>
      <c r="E49" s="28"/>
      <c r="F49" s="28"/>
      <c r="G49" s="29"/>
    </row>
  </sheetData>
  <mergeCells count="8">
    <mergeCell ref="A47:C47"/>
    <mergeCell ref="A49:C49"/>
    <mergeCell ref="A2:G2"/>
    <mergeCell ref="A7:C7"/>
    <mergeCell ref="E7:G7"/>
    <mergeCell ref="A35:C35"/>
    <mergeCell ref="A38:C38"/>
    <mergeCell ref="E38:G38"/>
  </mergeCells>
  <phoneticPr fontId="2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16"/>
  <sheetViews>
    <sheetView view="pageBreakPreview" zoomScaleNormal="100" zoomScaleSheetLayoutView="100" workbookViewId="0">
      <selection activeCell="K13" sqref="K13"/>
    </sheetView>
  </sheetViews>
  <sheetFormatPr defaultColWidth="12.59765625" defaultRowHeight="24" customHeight="1"/>
  <cols>
    <col min="1" max="1" width="4" style="2" customWidth="1"/>
    <col min="2" max="2" width="20.69921875" style="2" customWidth="1"/>
    <col min="3" max="8" width="11.8984375" style="2" customWidth="1"/>
    <col min="9" max="9" width="13.69921875" style="2" customWidth="1"/>
    <col min="10" max="11" width="11.8984375" style="2" customWidth="1"/>
    <col min="12" max="12" width="14.5" style="2" customWidth="1"/>
    <col min="13" max="13" width="16.3984375" style="2" customWidth="1"/>
    <col min="14" max="16384" width="12.59765625" style="2"/>
  </cols>
  <sheetData>
    <row r="1" spans="2:12" ht="20.25" customHeight="1"/>
    <row r="2" spans="2:12" s="13" customFormat="1" ht="30" customHeight="1">
      <c r="B2" s="87" t="s">
        <v>53</v>
      </c>
      <c r="C2" s="87"/>
      <c r="D2" s="87"/>
      <c r="E2" s="87"/>
      <c r="F2" s="87"/>
      <c r="G2" s="87"/>
      <c r="H2" s="87"/>
      <c r="I2" s="87"/>
      <c r="J2" s="87"/>
      <c r="K2" s="87"/>
    </row>
    <row r="3" spans="2:12" ht="24" customHeight="1">
      <c r="H3" s="4"/>
      <c r="I3" s="16" t="s">
        <v>40</v>
      </c>
      <c r="J3" s="3"/>
      <c r="K3" s="3"/>
      <c r="L3" s="4"/>
    </row>
    <row r="4" spans="2:12" ht="7.5" customHeight="1" thickBot="1"/>
    <row r="5" spans="2:12" ht="24" customHeight="1">
      <c r="B5" s="88" t="s">
        <v>40</v>
      </c>
      <c r="C5" s="90" t="s">
        <v>31</v>
      </c>
      <c r="D5" s="90" t="s">
        <v>38</v>
      </c>
      <c r="E5" s="88" t="s">
        <v>29</v>
      </c>
      <c r="F5" s="90" t="s">
        <v>33</v>
      </c>
      <c r="G5" s="90" t="s">
        <v>39</v>
      </c>
      <c r="H5" s="83" t="s">
        <v>35</v>
      </c>
      <c r="I5" s="85" t="s">
        <v>36</v>
      </c>
      <c r="J5" s="121" t="s">
        <v>37</v>
      </c>
      <c r="K5" s="119" t="s">
        <v>16</v>
      </c>
    </row>
    <row r="6" spans="2:12" ht="24" customHeight="1">
      <c r="B6" s="89"/>
      <c r="C6" s="91"/>
      <c r="D6" s="91"/>
      <c r="E6" s="89"/>
      <c r="F6" s="91"/>
      <c r="G6" s="91"/>
      <c r="H6" s="84"/>
      <c r="I6" s="86"/>
      <c r="J6" s="120"/>
      <c r="K6" s="120"/>
    </row>
    <row r="7" spans="2:12" ht="24" customHeight="1">
      <c r="B7" s="89"/>
      <c r="C7" s="91"/>
      <c r="D7" s="91"/>
      <c r="E7" s="89"/>
      <c r="F7" s="91"/>
      <c r="G7" s="91"/>
      <c r="H7" s="84"/>
      <c r="I7" s="86"/>
      <c r="J7" s="120"/>
      <c r="K7" s="120"/>
    </row>
    <row r="8" spans="2:12" ht="24" customHeight="1">
      <c r="B8" s="89"/>
      <c r="C8" s="91"/>
      <c r="D8" s="91"/>
      <c r="E8" s="89"/>
      <c r="F8" s="91"/>
      <c r="G8" s="91"/>
      <c r="H8" s="84"/>
      <c r="I8" s="86"/>
      <c r="J8" s="120"/>
      <c r="K8" s="120"/>
    </row>
    <row r="9" spans="2:12" ht="24" customHeight="1">
      <c r="B9" s="30"/>
      <c r="C9" s="6" t="s">
        <v>24</v>
      </c>
      <c r="D9" s="6" t="s">
        <v>25</v>
      </c>
      <c r="E9" s="6" t="s">
        <v>30</v>
      </c>
      <c r="F9" s="6" t="s">
        <v>26</v>
      </c>
      <c r="G9" s="6"/>
      <c r="H9" s="8" t="s">
        <v>27</v>
      </c>
      <c r="I9" s="9" t="s">
        <v>28</v>
      </c>
      <c r="J9" s="53" t="s">
        <v>19</v>
      </c>
      <c r="K9" s="9" t="s">
        <v>20</v>
      </c>
    </row>
    <row r="10" spans="2:12" ht="13.5" customHeight="1">
      <c r="B10" s="5"/>
      <c r="C10" s="7" t="s">
        <v>0</v>
      </c>
      <c r="D10" s="7" t="s">
        <v>0</v>
      </c>
      <c r="E10" s="7" t="s">
        <v>0</v>
      </c>
      <c r="F10" s="7" t="s">
        <v>0</v>
      </c>
      <c r="G10" s="7" t="s">
        <v>0</v>
      </c>
      <c r="H10" s="10"/>
      <c r="I10" s="55" t="s">
        <v>9</v>
      </c>
      <c r="J10" s="57" t="s">
        <v>9</v>
      </c>
      <c r="K10" s="58" t="s">
        <v>9</v>
      </c>
    </row>
    <row r="11" spans="2:12" ht="139.5" customHeight="1" thickBot="1">
      <c r="B11" s="46"/>
      <c r="C11" s="47">
        <v>9000000</v>
      </c>
      <c r="D11" s="35"/>
      <c r="E11" s="35"/>
      <c r="F11" s="35"/>
      <c r="G11" s="81" t="s">
        <v>65</v>
      </c>
      <c r="H11" s="56" t="s">
        <v>41</v>
      </c>
      <c r="I11" s="82"/>
      <c r="J11" s="54"/>
      <c r="K11" s="45"/>
    </row>
    <row r="12" spans="2:12" ht="12.75" customHeight="1"/>
    <row r="13" spans="2:12" ht="17.25" customHeight="1">
      <c r="B13" s="2" t="s">
        <v>21</v>
      </c>
    </row>
    <row r="14" spans="2:12" ht="15.75" customHeight="1">
      <c r="B14" s="2" t="s">
        <v>23</v>
      </c>
    </row>
    <row r="15" spans="2:12" ht="15.75" customHeight="1"/>
    <row r="16" spans="2:12" ht="15.75" customHeight="1"/>
  </sheetData>
  <mergeCells count="11">
    <mergeCell ref="B5:B8"/>
    <mergeCell ref="K5:K8"/>
    <mergeCell ref="J5:J8"/>
    <mergeCell ref="I5:I8"/>
    <mergeCell ref="B2:K2"/>
    <mergeCell ref="C5:C8"/>
    <mergeCell ref="D5:D8"/>
    <mergeCell ref="E5:E8"/>
    <mergeCell ref="F5:F8"/>
    <mergeCell ref="G5:G8"/>
    <mergeCell ref="H5:H8"/>
  </mergeCells>
  <phoneticPr fontId="2"/>
  <printOptions horizontalCentered="1"/>
  <pageMargins left="0.39370078740157483" right="0.39370078740157483" top="0.78740157480314965" bottom="0.39370078740157483" header="0.51181102362204722" footer="0.21"/>
  <pageSetup paperSize="9" orientation="landscape" horizontalDpi="300" verticalDpi="300" r:id="rId1"/>
  <headerFooter alignWithMargins="0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27"/>
  <sheetViews>
    <sheetView view="pageBreakPreview" zoomScaleNormal="100" zoomScaleSheetLayoutView="100" workbookViewId="0">
      <selection activeCell="B9" sqref="B9:H9"/>
    </sheetView>
  </sheetViews>
  <sheetFormatPr defaultColWidth="2.59765625" defaultRowHeight="14.4"/>
  <cols>
    <col min="1" max="1" width="2.59765625" style="59" customWidth="1"/>
    <col min="2" max="2" width="7.796875" style="59" customWidth="1"/>
    <col min="3" max="3" width="20.19921875" style="59" customWidth="1"/>
    <col min="4" max="4" width="13.5" style="59" customWidth="1"/>
    <col min="5" max="5" width="10.296875" style="59" customWidth="1"/>
    <col min="6" max="6" width="16.69921875" style="59" customWidth="1"/>
    <col min="7" max="7" width="18.3984375" style="59" customWidth="1"/>
    <col min="8" max="8" width="19.8984375" style="59" customWidth="1"/>
    <col min="9" max="16384" width="2.59765625" style="59"/>
  </cols>
  <sheetData>
    <row r="1" spans="1:8" ht="34.200000000000003" customHeight="1"/>
    <row r="2" spans="1:8" s="60" customFormat="1" ht="28.2" customHeight="1">
      <c r="B2" s="92" t="s">
        <v>64</v>
      </c>
      <c r="C2" s="92"/>
      <c r="D2" s="92"/>
      <c r="E2" s="92"/>
      <c r="F2" s="92"/>
      <c r="G2" s="92"/>
      <c r="H2" s="92"/>
    </row>
    <row r="3" spans="1:8" s="61" customFormat="1" ht="9" customHeight="1"/>
    <row r="4" spans="1:8" s="61" customFormat="1" ht="36.6" customHeight="1">
      <c r="G4" s="98" t="s">
        <v>60</v>
      </c>
      <c r="H4" s="99"/>
    </row>
    <row r="5" spans="1:8" s="62" customFormat="1" ht="15" customHeight="1">
      <c r="F5" s="63"/>
    </row>
    <row r="6" spans="1:8" s="62" customFormat="1" ht="33" customHeight="1" thickBot="1">
      <c r="B6" s="96" t="s">
        <v>61</v>
      </c>
      <c r="C6" s="97"/>
      <c r="D6" s="97"/>
      <c r="E6" s="97"/>
      <c r="F6" s="63"/>
    </row>
    <row r="7" spans="1:8" s="62" customFormat="1" ht="34.950000000000003" customHeight="1">
      <c r="B7" s="76"/>
      <c r="C7" s="100" t="s">
        <v>55</v>
      </c>
      <c r="D7" s="100"/>
      <c r="E7" s="100"/>
      <c r="F7" s="100"/>
      <c r="G7" s="100"/>
      <c r="H7" s="101"/>
    </row>
    <row r="8" spans="1:8" s="62" customFormat="1" ht="34.950000000000003" customHeight="1">
      <c r="B8" s="77"/>
      <c r="C8" s="102" t="s">
        <v>56</v>
      </c>
      <c r="D8" s="103"/>
      <c r="E8" s="103"/>
      <c r="F8" s="103"/>
      <c r="G8" s="103"/>
      <c r="H8" s="104"/>
    </row>
    <row r="9" spans="1:8" s="62" customFormat="1" ht="34.950000000000003" customHeight="1" thickBot="1">
      <c r="B9" s="78"/>
      <c r="C9" s="122" t="s">
        <v>57</v>
      </c>
      <c r="D9" s="123"/>
      <c r="E9" s="123"/>
      <c r="F9" s="123"/>
      <c r="G9" s="123"/>
      <c r="H9" s="124"/>
    </row>
    <row r="10" spans="1:8" s="62" customFormat="1" ht="11.4" customHeight="1">
      <c r="F10" s="63"/>
    </row>
    <row r="11" spans="1:8" s="62" customFormat="1" ht="29.4" customHeight="1">
      <c r="A11" s="64"/>
      <c r="B11" s="96" t="s">
        <v>58</v>
      </c>
      <c r="C11" s="97"/>
      <c r="D11" s="97"/>
      <c r="E11" s="97"/>
      <c r="F11" s="65"/>
      <c r="G11" s="65"/>
      <c r="H11" s="65"/>
    </row>
    <row r="12" spans="1:8" s="62" customFormat="1" ht="30" customHeight="1">
      <c r="A12" s="64"/>
      <c r="B12" s="109" t="s">
        <v>43</v>
      </c>
      <c r="C12" s="109"/>
      <c r="D12" s="74" t="s">
        <v>44</v>
      </c>
      <c r="E12" s="74" t="s">
        <v>45</v>
      </c>
      <c r="F12" s="74" t="s">
        <v>46</v>
      </c>
      <c r="G12" s="75" t="s">
        <v>47</v>
      </c>
      <c r="H12" s="75" t="s">
        <v>48</v>
      </c>
    </row>
    <row r="13" spans="1:8" s="62" customFormat="1" ht="30" customHeight="1">
      <c r="A13" s="64"/>
      <c r="B13" s="110"/>
      <c r="C13" s="110"/>
      <c r="D13" s="68"/>
      <c r="E13" s="68"/>
      <c r="F13" s="69" t="s">
        <v>0</v>
      </c>
      <c r="G13" s="70"/>
      <c r="H13" s="68"/>
    </row>
    <row r="14" spans="1:8" s="62" customFormat="1" ht="30" customHeight="1">
      <c r="A14" s="64"/>
      <c r="B14" s="111"/>
      <c r="C14" s="112"/>
      <c r="D14" s="68"/>
      <c r="E14" s="68"/>
      <c r="F14" s="69"/>
      <c r="G14" s="70"/>
      <c r="H14" s="68"/>
    </row>
    <row r="15" spans="1:8" s="62" customFormat="1" ht="30" customHeight="1">
      <c r="A15" s="64"/>
      <c r="B15" s="110"/>
      <c r="C15" s="110"/>
      <c r="D15" s="68"/>
      <c r="E15" s="68"/>
      <c r="F15" s="68"/>
      <c r="G15" s="70"/>
      <c r="H15" s="68"/>
    </row>
    <row r="16" spans="1:8" s="62" customFormat="1" ht="30" customHeight="1">
      <c r="A16" s="64"/>
      <c r="B16" s="110"/>
      <c r="C16" s="110"/>
      <c r="D16" s="68"/>
      <c r="E16" s="68"/>
      <c r="F16" s="68"/>
      <c r="G16" s="70"/>
      <c r="H16" s="68"/>
    </row>
    <row r="17" spans="1:11" s="62" customFormat="1" ht="30" customHeight="1">
      <c r="A17" s="64"/>
      <c r="B17" s="110" t="s">
        <v>49</v>
      </c>
      <c r="C17" s="110"/>
      <c r="D17" s="110"/>
      <c r="E17" s="110"/>
      <c r="F17" s="68">
        <f>+SUM(F13:F16)</f>
        <v>0</v>
      </c>
      <c r="G17" s="70"/>
      <c r="H17" s="68"/>
    </row>
    <row r="18" spans="1:11" s="62" customFormat="1" ht="64.8" customHeight="1">
      <c r="A18" s="64"/>
      <c r="B18" s="105" t="s">
        <v>66</v>
      </c>
      <c r="C18" s="105"/>
      <c r="D18" s="105"/>
      <c r="E18" s="105"/>
      <c r="F18" s="105"/>
      <c r="G18" s="105"/>
      <c r="H18" s="105"/>
    </row>
    <row r="19" spans="1:11" s="62" customFormat="1" ht="15" customHeight="1">
      <c r="A19" s="64"/>
      <c r="B19" s="71"/>
      <c r="C19" s="71"/>
      <c r="D19" s="71"/>
      <c r="E19" s="71"/>
      <c r="F19" s="71"/>
      <c r="G19" s="72"/>
      <c r="H19" s="71"/>
    </row>
    <row r="20" spans="1:11" s="62" customFormat="1" ht="26.4" customHeight="1">
      <c r="A20" s="64"/>
      <c r="B20" s="96" t="s">
        <v>69</v>
      </c>
      <c r="C20" s="97"/>
      <c r="D20" s="97"/>
      <c r="E20" s="97"/>
      <c r="F20" s="71"/>
      <c r="G20" s="72"/>
      <c r="H20" s="71"/>
    </row>
    <row r="21" spans="1:11" s="62" customFormat="1" ht="22.5" customHeight="1" thickBot="1">
      <c r="A21" s="64"/>
      <c r="B21" s="106" t="s">
        <v>70</v>
      </c>
      <c r="C21" s="106"/>
      <c r="D21" s="106"/>
      <c r="E21" s="106"/>
      <c r="F21" s="106"/>
      <c r="G21" s="72"/>
      <c r="H21" s="71"/>
      <c r="J21" s="64"/>
    </row>
    <row r="22" spans="1:11" s="62" customFormat="1" ht="92.4" customHeight="1" thickBot="1">
      <c r="A22" s="64"/>
      <c r="B22" s="93"/>
      <c r="C22" s="94"/>
      <c r="D22" s="94"/>
      <c r="E22" s="94"/>
      <c r="F22" s="94"/>
      <c r="G22" s="94"/>
      <c r="H22" s="95"/>
      <c r="I22" s="79"/>
      <c r="J22" s="73"/>
      <c r="K22" s="64"/>
    </row>
    <row r="23" spans="1:11" s="62" customFormat="1" ht="8.4" customHeight="1">
      <c r="A23" s="64"/>
      <c r="B23" s="73"/>
      <c r="C23" s="73"/>
      <c r="D23" s="73"/>
      <c r="E23" s="73"/>
      <c r="F23" s="73"/>
      <c r="G23" s="73"/>
      <c r="H23" s="73"/>
      <c r="I23" s="64"/>
      <c r="J23" s="64"/>
    </row>
    <row r="24" spans="1:11" s="62" customFormat="1" ht="22.2" customHeight="1" thickBot="1">
      <c r="A24" s="64"/>
      <c r="B24" s="106" t="s">
        <v>71</v>
      </c>
      <c r="C24" s="107"/>
      <c r="D24" s="107"/>
      <c r="E24" s="107"/>
      <c r="F24" s="107"/>
      <c r="G24" s="72"/>
      <c r="H24" s="71"/>
      <c r="J24" s="64"/>
    </row>
    <row r="25" spans="1:11" s="62" customFormat="1" ht="93" customHeight="1" thickBot="1">
      <c r="A25" s="64"/>
      <c r="B25" s="93"/>
      <c r="C25" s="94"/>
      <c r="D25" s="94"/>
      <c r="E25" s="94"/>
      <c r="F25" s="94"/>
      <c r="G25" s="94"/>
      <c r="H25" s="95"/>
      <c r="I25" s="79"/>
      <c r="J25" s="73"/>
      <c r="K25" s="64"/>
    </row>
    <row r="26" spans="1:11" s="61" customFormat="1">
      <c r="I26" s="80"/>
    </row>
    <row r="27" spans="1:11" ht="53.25" customHeight="1">
      <c r="B27" s="108"/>
      <c r="C27" s="108"/>
      <c r="D27" s="108"/>
      <c r="E27" s="108"/>
      <c r="F27" s="108"/>
      <c r="G27" s="108"/>
      <c r="H27" s="108"/>
    </row>
  </sheetData>
  <mergeCells count="20">
    <mergeCell ref="B15:C15"/>
    <mergeCell ref="B2:H2"/>
    <mergeCell ref="G4:H4"/>
    <mergeCell ref="B6:E6"/>
    <mergeCell ref="C7:H7"/>
    <mergeCell ref="C8:H8"/>
    <mergeCell ref="C9:H9"/>
    <mergeCell ref="B11:E11"/>
    <mergeCell ref="B12:C12"/>
    <mergeCell ref="B13:C13"/>
    <mergeCell ref="B14:C14"/>
    <mergeCell ref="B25:H25"/>
    <mergeCell ref="B27:H27"/>
    <mergeCell ref="B16:C16"/>
    <mergeCell ref="B17:E17"/>
    <mergeCell ref="B18:H18"/>
    <mergeCell ref="B20:E20"/>
    <mergeCell ref="B22:H22"/>
    <mergeCell ref="B21:F21"/>
    <mergeCell ref="B24:F24"/>
  </mergeCells>
  <phoneticPr fontId="2"/>
  <dataValidations count="1">
    <dataValidation type="list" allowBlank="1" showInputMessage="1" showErrorMessage="1" sqref="B7:B9">
      <formula1>"○"</formula1>
    </dataValidation>
  </dataValidations>
  <pageMargins left="0.78740157480314965" right="0.78740157480314965" top="0.78740157480314965" bottom="0.39370078740157483" header="0.51181102362204722" footer="0.19685039370078741"/>
  <pageSetup paperSize="9" scale="70" orientation="portrait" horizontalDpi="300" verticalDpi="300" r:id="rId1"/>
  <headerFooter alignWithMargins="0"/>
  <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9"/>
  <sheetViews>
    <sheetView view="pageBreakPreview" zoomScaleNormal="100" workbookViewId="0">
      <selection activeCell="E19" sqref="E19"/>
    </sheetView>
  </sheetViews>
  <sheetFormatPr defaultRowHeight="14.4"/>
  <cols>
    <col min="1" max="1" width="6.59765625" customWidth="1"/>
    <col min="2" max="2" width="6.8984375" customWidth="1"/>
    <col min="3" max="3" width="20.69921875" customWidth="1"/>
    <col min="4" max="4" width="15.3984375" style="44" customWidth="1"/>
    <col min="5" max="5" width="10.5" customWidth="1"/>
  </cols>
  <sheetData>
    <row r="1" spans="1:12" s="1" customFormat="1" ht="18.75" customHeight="1">
      <c r="D1" s="36"/>
    </row>
    <row r="2" spans="1:12" s="12" customFormat="1" ht="20.25" customHeight="1">
      <c r="A2" s="92" t="s">
        <v>54</v>
      </c>
      <c r="B2" s="92"/>
      <c r="C2" s="92"/>
      <c r="D2" s="92"/>
      <c r="E2" s="92"/>
      <c r="F2" s="92"/>
      <c r="G2" s="92"/>
      <c r="H2" s="11"/>
      <c r="I2" s="11"/>
      <c r="J2" s="11"/>
      <c r="K2" s="11"/>
      <c r="L2" s="11"/>
    </row>
    <row r="3" spans="1:12" s="31" customFormat="1" ht="9" customHeight="1">
      <c r="D3" s="37"/>
      <c r="E3" s="32"/>
      <c r="F3" s="32"/>
      <c r="G3" s="32"/>
    </row>
    <row r="4" spans="1:12" s="31" customFormat="1" ht="18" customHeight="1">
      <c r="D4" s="38"/>
      <c r="E4" s="16" t="s">
        <v>40</v>
      </c>
      <c r="F4" s="33"/>
      <c r="G4" s="33"/>
    </row>
    <row r="5" spans="1:12" s="34" customFormat="1" ht="9" customHeight="1">
      <c r="D5" s="39"/>
    </row>
    <row r="6" spans="1:12" s="14" customFormat="1" ht="15" customHeight="1">
      <c r="A6" s="14" t="s">
        <v>1</v>
      </c>
    </row>
    <row r="7" spans="1:12" s="17" customFormat="1" ht="15" customHeight="1">
      <c r="A7" s="113" t="s">
        <v>2</v>
      </c>
      <c r="B7" s="116"/>
      <c r="C7" s="117"/>
      <c r="D7" s="40" t="s">
        <v>17</v>
      </c>
      <c r="E7" s="113" t="s">
        <v>4</v>
      </c>
      <c r="F7" s="116"/>
      <c r="G7" s="117"/>
    </row>
    <row r="8" spans="1:12" s="21" customFormat="1" ht="15" customHeight="1">
      <c r="A8" s="18"/>
      <c r="B8" s="19"/>
      <c r="C8" s="20"/>
      <c r="D8" s="41" t="s">
        <v>0</v>
      </c>
      <c r="E8" s="18"/>
      <c r="F8" s="19"/>
      <c r="G8" s="20"/>
    </row>
    <row r="9" spans="1:12" s="21" customFormat="1" ht="15" customHeight="1">
      <c r="A9" s="22"/>
      <c r="B9" s="19"/>
      <c r="C9" s="20"/>
      <c r="D9" s="42"/>
      <c r="E9" s="18"/>
      <c r="F9" s="19"/>
      <c r="G9" s="20"/>
    </row>
    <row r="10" spans="1:12" s="21" customFormat="1" ht="15" customHeight="1">
      <c r="A10" s="22"/>
      <c r="D10" s="42"/>
      <c r="E10" s="18"/>
      <c r="F10" s="19"/>
      <c r="G10" s="20"/>
    </row>
    <row r="11" spans="1:12" s="21" customFormat="1" ht="15" customHeight="1">
      <c r="A11" s="22"/>
      <c r="D11" s="42"/>
      <c r="E11" s="18"/>
      <c r="F11" s="19"/>
      <c r="G11" s="20"/>
    </row>
    <row r="12" spans="1:12" s="21" customFormat="1" ht="15" customHeight="1">
      <c r="A12" s="22"/>
      <c r="B12" s="19"/>
      <c r="D12" s="42"/>
      <c r="E12" s="18"/>
      <c r="F12" s="19"/>
      <c r="G12" s="20"/>
    </row>
    <row r="13" spans="1:12" s="21" customFormat="1" ht="15" customHeight="1">
      <c r="A13" s="22"/>
      <c r="B13" s="19"/>
      <c r="D13" s="42"/>
      <c r="E13" s="18"/>
      <c r="F13" s="19"/>
      <c r="G13" s="20"/>
    </row>
    <row r="14" spans="1:12" s="21" customFormat="1" ht="15" customHeight="1">
      <c r="A14" s="22"/>
      <c r="B14" s="19"/>
      <c r="D14" s="42"/>
      <c r="E14" s="18"/>
      <c r="F14" s="19"/>
      <c r="G14" s="20"/>
    </row>
    <row r="15" spans="1:12" s="21" customFormat="1" ht="15" customHeight="1">
      <c r="A15" s="22"/>
      <c r="B15" s="19"/>
      <c r="C15" s="19"/>
      <c r="D15" s="42"/>
      <c r="E15" s="18"/>
      <c r="F15" s="19"/>
      <c r="G15" s="20"/>
    </row>
    <row r="16" spans="1:12" s="21" customFormat="1" ht="15" customHeight="1">
      <c r="A16" s="18"/>
      <c r="B16" s="19"/>
      <c r="D16" s="42"/>
      <c r="E16" s="18"/>
      <c r="F16" s="19"/>
      <c r="G16" s="20"/>
    </row>
    <row r="17" spans="1:7" s="21" customFormat="1" ht="15" customHeight="1">
      <c r="A17" s="18"/>
      <c r="B17" s="19"/>
      <c r="D17" s="42"/>
      <c r="E17" s="18"/>
      <c r="F17" s="19"/>
      <c r="G17" s="20"/>
    </row>
    <row r="18" spans="1:7" s="21" customFormat="1" ht="15" customHeight="1">
      <c r="A18" s="18"/>
      <c r="B18" s="19"/>
      <c r="D18" s="42"/>
      <c r="E18" s="18"/>
      <c r="F18" s="19"/>
      <c r="G18" s="20"/>
    </row>
    <row r="19" spans="1:7" s="21" customFormat="1" ht="15" customHeight="1">
      <c r="A19" s="18"/>
      <c r="B19" s="19"/>
      <c r="D19" s="42"/>
      <c r="E19" s="18"/>
      <c r="F19" s="19"/>
      <c r="G19" s="20"/>
    </row>
    <row r="20" spans="1:7" s="21" customFormat="1" ht="15" customHeight="1">
      <c r="A20" s="22"/>
      <c r="B20" s="19"/>
      <c r="D20" s="42"/>
      <c r="E20" s="18"/>
      <c r="F20" s="19"/>
      <c r="G20" s="20"/>
    </row>
    <row r="21" spans="1:7" s="21" customFormat="1" ht="15" customHeight="1">
      <c r="A21" s="22"/>
      <c r="B21" s="19"/>
      <c r="D21" s="42"/>
      <c r="E21" s="18"/>
      <c r="F21" s="19"/>
      <c r="G21" s="20"/>
    </row>
    <row r="22" spans="1:7" s="21" customFormat="1" ht="15" customHeight="1">
      <c r="A22" s="22"/>
      <c r="B22" s="19"/>
      <c r="D22" s="42"/>
      <c r="E22" s="18"/>
      <c r="F22" s="19"/>
      <c r="G22" s="20"/>
    </row>
    <row r="23" spans="1:7" s="21" customFormat="1" ht="15" customHeight="1">
      <c r="A23" s="22"/>
      <c r="B23" s="19"/>
      <c r="D23" s="42"/>
      <c r="E23" s="18"/>
      <c r="F23" s="19"/>
      <c r="G23" s="20"/>
    </row>
    <row r="24" spans="1:7" s="21" customFormat="1" ht="15" customHeight="1">
      <c r="A24" s="22"/>
      <c r="B24" s="19"/>
      <c r="D24" s="42"/>
      <c r="E24" s="18"/>
      <c r="F24" s="19"/>
      <c r="G24" s="20"/>
    </row>
    <row r="25" spans="1:7" s="21" customFormat="1" ht="15" customHeight="1">
      <c r="A25" s="18"/>
      <c r="B25" s="19"/>
      <c r="D25" s="42"/>
      <c r="E25" s="18"/>
      <c r="F25" s="19"/>
      <c r="G25" s="20"/>
    </row>
    <row r="26" spans="1:7" s="21" customFormat="1" ht="15" customHeight="1">
      <c r="A26" s="18"/>
      <c r="B26" s="19"/>
      <c r="C26" s="19"/>
      <c r="D26" s="42"/>
      <c r="E26" s="18"/>
      <c r="F26" s="19"/>
      <c r="G26" s="20"/>
    </row>
    <row r="27" spans="1:7" s="21" customFormat="1" ht="15" customHeight="1">
      <c r="A27" s="22"/>
      <c r="B27" s="19"/>
      <c r="C27" s="19"/>
      <c r="D27" s="42"/>
      <c r="E27" s="18"/>
      <c r="F27" s="19"/>
      <c r="G27" s="20"/>
    </row>
    <row r="28" spans="1:7" s="21" customFormat="1" ht="15" customHeight="1">
      <c r="A28" s="22"/>
      <c r="B28" s="19"/>
      <c r="C28" s="19"/>
      <c r="D28" s="42"/>
      <c r="E28" s="18"/>
      <c r="F28" s="19"/>
      <c r="G28" s="20"/>
    </row>
    <row r="29" spans="1:7" s="21" customFormat="1" ht="15" customHeight="1">
      <c r="A29" s="22"/>
      <c r="B29" s="19"/>
      <c r="C29" s="19"/>
      <c r="D29" s="42"/>
      <c r="E29" s="18"/>
      <c r="F29" s="19"/>
      <c r="G29" s="20"/>
    </row>
    <row r="30" spans="1:7" s="21" customFormat="1" ht="15" customHeight="1">
      <c r="A30" s="22"/>
      <c r="B30" s="19"/>
      <c r="C30" s="19"/>
      <c r="D30" s="42"/>
      <c r="E30" s="18"/>
      <c r="F30" s="19"/>
      <c r="G30" s="20"/>
    </row>
    <row r="31" spans="1:7" s="21" customFormat="1" ht="15" customHeight="1">
      <c r="A31" s="22"/>
      <c r="B31" s="19"/>
      <c r="C31" s="19"/>
      <c r="D31" s="42"/>
      <c r="E31" s="18"/>
      <c r="F31" s="19"/>
      <c r="G31" s="20"/>
    </row>
    <row r="32" spans="1:7" s="21" customFormat="1" ht="15" customHeight="1">
      <c r="A32" s="22"/>
      <c r="B32" s="19"/>
      <c r="D32" s="42"/>
      <c r="E32" s="18"/>
      <c r="F32" s="19"/>
      <c r="G32" s="20"/>
    </row>
    <row r="33" spans="1:7" s="21" customFormat="1" ht="15" customHeight="1">
      <c r="A33" s="22"/>
      <c r="B33" s="19"/>
      <c r="D33" s="42"/>
      <c r="E33" s="18"/>
      <c r="F33" s="19"/>
      <c r="G33" s="20"/>
    </row>
    <row r="34" spans="1:7" s="21" customFormat="1" ht="15" customHeight="1">
      <c r="A34" s="22"/>
      <c r="B34" s="19"/>
      <c r="C34" s="20"/>
      <c r="D34" s="42"/>
      <c r="E34" s="18"/>
      <c r="F34" s="19"/>
      <c r="G34" s="20"/>
    </row>
    <row r="35" spans="1:7" s="21" customFormat="1" ht="21" customHeight="1">
      <c r="A35" s="113" t="s">
        <v>5</v>
      </c>
      <c r="B35" s="116"/>
      <c r="C35" s="117"/>
      <c r="D35" s="43">
        <f>SUM(D9:D34)</f>
        <v>0</v>
      </c>
      <c r="E35" s="23"/>
      <c r="F35" s="24"/>
      <c r="G35" s="25"/>
    </row>
    <row r="36" spans="1:7" s="34" customFormat="1">
      <c r="D36" s="39"/>
    </row>
    <row r="37" spans="1:7" s="15" customFormat="1">
      <c r="A37" s="14" t="s">
        <v>6</v>
      </c>
    </row>
    <row r="38" spans="1:7" s="26" customFormat="1" ht="15" customHeight="1">
      <c r="A38" s="113" t="s">
        <v>2</v>
      </c>
      <c r="B38" s="114"/>
      <c r="C38" s="115"/>
      <c r="D38" s="48" t="s">
        <v>18</v>
      </c>
      <c r="E38" s="113" t="s">
        <v>4</v>
      </c>
      <c r="F38" s="114"/>
      <c r="G38" s="115"/>
    </row>
    <row r="39" spans="1:7" s="26" customFormat="1" ht="15" customHeight="1">
      <c r="A39" s="18"/>
      <c r="B39" s="19"/>
      <c r="C39" s="20"/>
      <c r="D39" s="49" t="s">
        <v>0</v>
      </c>
      <c r="E39" s="18"/>
      <c r="F39" s="19"/>
      <c r="G39" s="20"/>
    </row>
    <row r="40" spans="1:7" s="26" customFormat="1" ht="15" customHeight="1">
      <c r="A40" s="18"/>
      <c r="B40" s="19"/>
      <c r="C40" s="19"/>
      <c r="D40" s="50"/>
      <c r="E40" s="18"/>
      <c r="F40" s="19"/>
      <c r="G40" s="20"/>
    </row>
    <row r="41" spans="1:7" s="26" customFormat="1" ht="15" customHeight="1">
      <c r="A41" s="18"/>
      <c r="B41" s="19"/>
      <c r="C41" s="20"/>
      <c r="D41" s="50"/>
      <c r="E41" s="18"/>
      <c r="F41" s="19"/>
      <c r="G41" s="20"/>
    </row>
    <row r="42" spans="1:7" s="26" customFormat="1" ht="15" customHeight="1">
      <c r="A42" s="18"/>
      <c r="B42" s="19"/>
      <c r="C42" s="20"/>
      <c r="D42" s="50"/>
      <c r="E42" s="18"/>
      <c r="F42" s="19"/>
      <c r="G42" s="20"/>
    </row>
    <row r="43" spans="1:7" s="26" customFormat="1" ht="15" customHeight="1">
      <c r="A43" s="18"/>
      <c r="B43" s="27"/>
      <c r="C43" s="20"/>
      <c r="D43" s="50"/>
      <c r="E43" s="18"/>
      <c r="F43" s="19"/>
      <c r="G43" s="20"/>
    </row>
    <row r="44" spans="1:7" s="26" customFormat="1" ht="15" customHeight="1">
      <c r="A44" s="18"/>
      <c r="B44" s="19"/>
      <c r="C44" s="20"/>
      <c r="D44" s="50"/>
      <c r="E44" s="18"/>
      <c r="F44" s="19"/>
      <c r="G44" s="20"/>
    </row>
    <row r="45" spans="1:7" s="26" customFormat="1" ht="15" customHeight="1">
      <c r="A45" s="18"/>
      <c r="B45" s="19"/>
      <c r="C45" s="20"/>
      <c r="D45" s="50"/>
      <c r="E45" s="18"/>
      <c r="F45" s="19"/>
      <c r="G45" s="20"/>
    </row>
    <row r="46" spans="1:7" s="26" customFormat="1" ht="15" customHeight="1">
      <c r="A46" s="18"/>
      <c r="B46" s="19"/>
      <c r="C46" s="20"/>
      <c r="D46" s="50"/>
      <c r="E46" s="18"/>
      <c r="F46" s="19"/>
      <c r="G46" s="20"/>
    </row>
    <row r="47" spans="1:7" s="26" customFormat="1" ht="21" customHeight="1">
      <c r="A47" s="113" t="s">
        <v>5</v>
      </c>
      <c r="B47" s="114"/>
      <c r="C47" s="115"/>
      <c r="D47" s="51">
        <f>SUM(D40:D46)</f>
        <v>0</v>
      </c>
      <c r="E47" s="23"/>
      <c r="F47" s="24"/>
      <c r="G47" s="25"/>
    </row>
    <row r="48" spans="1:7" s="26" customFormat="1" ht="12"/>
    <row r="49" spans="1:7" s="26" customFormat="1" ht="21" customHeight="1">
      <c r="A49" s="113" t="s">
        <v>7</v>
      </c>
      <c r="B49" s="116"/>
      <c r="C49" s="117"/>
      <c r="D49" s="52">
        <f>D47-D35</f>
        <v>0</v>
      </c>
      <c r="E49" s="28"/>
      <c r="F49" s="28"/>
      <c r="G49" s="29"/>
    </row>
  </sheetData>
  <mergeCells count="8">
    <mergeCell ref="A47:C47"/>
    <mergeCell ref="A49:C49"/>
    <mergeCell ref="A2:G2"/>
    <mergeCell ref="A7:C7"/>
    <mergeCell ref="E7:G7"/>
    <mergeCell ref="A35:C35"/>
    <mergeCell ref="A38:C38"/>
    <mergeCell ref="E38:G38"/>
  </mergeCells>
  <phoneticPr fontId="2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9</vt:i4>
      </vt:variant>
    </vt:vector>
  </HeadingPairs>
  <TitlesOfParts>
    <vt:vector size="18" baseType="lpstr">
      <vt:lpstr>1-1</vt:lpstr>
      <vt:lpstr>1-2</vt:lpstr>
      <vt:lpstr>1-3</vt:lpstr>
      <vt:lpstr>２-1</vt:lpstr>
      <vt:lpstr>２-2</vt:lpstr>
      <vt:lpstr>２-3</vt:lpstr>
      <vt:lpstr>５-1</vt:lpstr>
      <vt:lpstr>５-2</vt:lpstr>
      <vt:lpstr>５-3</vt:lpstr>
      <vt:lpstr>'1-1'!Print_Area</vt:lpstr>
      <vt:lpstr>'1-2'!Print_Area</vt:lpstr>
      <vt:lpstr>'1-3'!Print_Area</vt:lpstr>
      <vt:lpstr>'２-1'!Print_Area</vt:lpstr>
      <vt:lpstr>'２-2'!Print_Area</vt:lpstr>
      <vt:lpstr>'２-3'!Print_Area</vt:lpstr>
      <vt:lpstr>'５-1'!Print_Area</vt:lpstr>
      <vt:lpstr>'５-2'!Print_Area</vt:lpstr>
      <vt:lpstr>'５-3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山田（がん・疾病対策課）</cp:lastModifiedBy>
  <cp:lastPrinted>2023-09-19T06:00:25Z</cp:lastPrinted>
  <dcterms:created xsi:type="dcterms:W3CDTF">2009-03-30T10:50:02Z</dcterms:created>
  <dcterms:modified xsi:type="dcterms:W3CDTF">2024-04-17T06:11:23Z</dcterms:modified>
</cp:coreProperties>
</file>